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7_2025 Drôty rôznych veľkosti\02. Príprava\05. PT pre PHZ\"/>
    </mc:Choice>
  </mc:AlternateContent>
  <bookViews>
    <workbookView xWindow="0" yWindow="0" windowWidth="28800" windowHeight="11700" activeTab="1"/>
  </bookViews>
  <sheets>
    <sheet name="časť č. 1_Príl č. 2 " sheetId="1" r:id="rId1"/>
    <sheet name="časť č. 2_Príl č. 2" sheetId="7" r:id="rId2"/>
    <sheet name="časť č. 3_Príl č.2" sheetId="5" r:id="rId3"/>
  </sheets>
  <definedNames>
    <definedName name="_xlnm.Print_Area" localSheetId="0">'časť č. 1_Príl č. 2 '!$A$1:$N$48</definedName>
    <definedName name="_xlnm.Print_Area" localSheetId="1">'časť č. 2_Príl č. 2'!$A$1:$O$31</definedName>
    <definedName name="_xlnm.Print_Area" localSheetId="2">'časť č. 3_Príl č.2'!$A$1:$O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9" i="1" l="1"/>
  <c r="K38" i="1"/>
  <c r="K37" i="1"/>
  <c r="K31" i="1"/>
  <c r="K30" i="1"/>
  <c r="K29" i="1"/>
  <c r="M12" i="1"/>
  <c r="M13" i="1"/>
  <c r="L13" i="1"/>
  <c r="N13" i="1" s="1"/>
  <c r="K12" i="1"/>
  <c r="L12" i="1" s="1"/>
  <c r="N12" i="1" s="1"/>
  <c r="K13" i="1"/>
  <c r="K21" i="7"/>
  <c r="K20" i="7"/>
  <c r="K19" i="7"/>
  <c r="M11" i="7"/>
  <c r="M12" i="7" s="1"/>
  <c r="K11" i="7"/>
  <c r="L11" i="7" s="1"/>
  <c r="N11" i="7" s="1"/>
  <c r="N12" i="7" s="1"/>
  <c r="K21" i="5" l="1"/>
  <c r="K20" i="5"/>
  <c r="K19" i="5"/>
  <c r="K11" i="5"/>
  <c r="L11" i="5" s="1"/>
  <c r="N11" i="5" s="1"/>
  <c r="N12" i="5" s="1"/>
  <c r="M11" i="5"/>
  <c r="M12" i="5" s="1"/>
  <c r="K23" i="1"/>
  <c r="K22" i="1"/>
  <c r="K21" i="1"/>
  <c r="M11" i="1"/>
  <c r="M14" i="1" s="1"/>
  <c r="K11" i="1"/>
  <c r="L11" i="1" s="1"/>
  <c r="N11" i="1" s="1"/>
  <c r="N14" i="1" s="1"/>
</calcChain>
</file>

<file path=xl/sharedStrings.xml><?xml version="1.0" encoding="utf-8"?>
<sst xmlns="http://schemas.openxmlformats.org/spreadsheetml/2006/main" count="294" uniqueCount="66">
  <si>
    <t>Dňa:</t>
  </si>
  <si>
    <t>V: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12.</t>
  </si>
  <si>
    <t>13.</t>
  </si>
  <si>
    <t>14.</t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Jednotková cena za  MJ v EUR</t>
  </si>
  <si>
    <r>
      <t xml:space="preserve">Predpokladaný počet MJ na </t>
    </r>
    <r>
      <rPr>
        <b/>
        <sz val="9"/>
        <color rgb="FFC00000"/>
        <rFont val="Arial"/>
        <family val="2"/>
        <charset val="238"/>
      </rPr>
      <t>36 mesiacov</t>
    </r>
    <r>
      <rPr>
        <b/>
        <sz val="9"/>
        <color theme="1"/>
        <rFont val="Arial"/>
        <family val="2"/>
        <charset val="238"/>
      </rPr>
      <t xml:space="preserve">
počet MJ 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Sortiment ponúkaného tovaru</t>
    </r>
  </si>
  <si>
    <r>
      <t xml:space="preserve">Príloha č. 2 - </t>
    </r>
    <r>
      <rPr>
        <sz val="10"/>
        <color theme="1"/>
        <rFont val="Arial"/>
        <family val="2"/>
        <charset val="238"/>
      </rPr>
      <t>Kalkulácia ceny a  Sortiment ponúkaného tovaru</t>
    </r>
  </si>
  <si>
    <t xml:space="preserve">Množstvo MJ na obdobie                 36 mesiacov  </t>
  </si>
  <si>
    <t xml:space="preserve">Množstvo MJ  na obdobie                36 mesiacov  </t>
  </si>
  <si>
    <t>Drôty rôznych veľkostí</t>
  </si>
  <si>
    <t xml:space="preserve">Časť č. 1 - Drôty  </t>
  </si>
  <si>
    <t>Drôt, typ 1</t>
  </si>
  <si>
    <t>Sortiment položky č. 1 - Drôt, typ 1</t>
  </si>
  <si>
    <t>Drôt, typ 2</t>
  </si>
  <si>
    <t>Sortiment položky č. 2 - Drôt, typ 2</t>
  </si>
  <si>
    <t>Drôt, typ 3</t>
  </si>
  <si>
    <t>Sortiment položky č. 3 - Drôt, typ 3</t>
  </si>
  <si>
    <t>ks</t>
  </si>
  <si>
    <t>Časť č. 2 - Dvojihlový drôt</t>
  </si>
  <si>
    <t>Dvojihlový drôt</t>
  </si>
  <si>
    <t>Sortiment položky č. 1 - Dvojihlový drôt</t>
  </si>
  <si>
    <t>Dvojdrôt s jednou ihlou</t>
  </si>
  <si>
    <t>Sortiment položky č. 1  - Dvojdrôt s jednou ihlou</t>
  </si>
  <si>
    <t>Časť č. 3 - Dvojdrôt s jednou ihlou</t>
  </si>
  <si>
    <t>OPR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rgb="FFC00000"/>
      <name val="Arial"/>
      <family val="2"/>
      <charset val="238"/>
    </font>
    <font>
      <b/>
      <sz val="9"/>
      <color rgb="FFC00000"/>
      <name val="Arial"/>
      <family val="2"/>
      <charset val="238"/>
    </font>
    <font>
      <sz val="10"/>
      <color rgb="FFC00000"/>
      <name val="Arial"/>
      <family val="2"/>
      <charset val="238"/>
    </font>
    <font>
      <sz val="12"/>
      <color theme="1"/>
      <name val="Arial"/>
      <family val="2"/>
      <charset val="238"/>
    </font>
    <font>
      <sz val="12"/>
      <color rgb="FFC0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9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theme="1"/>
      </top>
      <bottom style="thin">
        <color rgb="FFC00000"/>
      </bottom>
      <diagonal/>
    </border>
    <border>
      <left/>
      <right style="medium">
        <color indexed="64"/>
      </right>
      <top style="medium">
        <color auto="1"/>
      </top>
      <bottom style="thin">
        <color theme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91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20" xfId="0" applyFont="1" applyFill="1" applyBorder="1" applyAlignment="1">
      <alignment horizontal="center" vertical="top" wrapText="1"/>
    </xf>
    <xf numFmtId="9" fontId="4" fillId="2" borderId="2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1" xfId="0" applyNumberFormat="1" applyFont="1" applyBorder="1" applyAlignment="1">
      <alignment horizontal="right" vertical="center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25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4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7" xfId="0" applyFont="1" applyBorder="1" applyAlignment="1">
      <alignment wrapText="1"/>
    </xf>
    <xf numFmtId="0" fontId="3" fillId="0" borderId="27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2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9" fontId="3" fillId="2" borderId="28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3" fillId="2" borderId="31" xfId="0" applyNumberFormat="1" applyFont="1" applyFill="1" applyBorder="1" applyAlignment="1">
      <alignment horizontal="center" vertical="top" wrapText="1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36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9" fillId="5" borderId="38" xfId="0" applyFont="1" applyFill="1" applyBorder="1" applyAlignment="1" applyProtection="1">
      <alignment horizontal="center" vertical="center" wrapText="1"/>
      <protection locked="0"/>
    </xf>
    <xf numFmtId="0" fontId="9" fillId="5" borderId="29" xfId="0" applyFont="1" applyFill="1" applyBorder="1" applyAlignment="1" applyProtection="1">
      <alignment horizontal="center" vertical="top" wrapText="1"/>
      <protection locked="0"/>
    </xf>
    <xf numFmtId="49" fontId="3" fillId="0" borderId="39" xfId="0" applyNumberFormat="1" applyFont="1" applyBorder="1" applyAlignment="1" applyProtection="1">
      <alignment horizontal="center" vertical="center" wrapText="1"/>
      <protection locked="0"/>
    </xf>
    <xf numFmtId="49" fontId="3" fillId="0" borderId="39" xfId="0" applyNumberFormat="1" applyFont="1" applyBorder="1" applyAlignment="1" applyProtection="1">
      <alignment horizontal="left" vertical="center" wrapText="1"/>
      <protection locked="0"/>
    </xf>
    <xf numFmtId="49" fontId="3" fillId="0" borderId="41" xfId="0" applyNumberFormat="1" applyFont="1" applyBorder="1" applyAlignment="1" applyProtection="1">
      <alignment horizontal="center" vertical="center" wrapText="1"/>
      <protection locked="0"/>
    </xf>
    <xf numFmtId="9" fontId="3" fillId="0" borderId="26" xfId="0" applyNumberFormat="1" applyFont="1" applyBorder="1" applyAlignment="1" applyProtection="1">
      <alignment horizontal="right" vertical="center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9" fontId="3" fillId="0" borderId="4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4" xfId="0" applyFont="1" applyFill="1" applyBorder="1" applyAlignment="1">
      <alignment horizontal="center" vertical="top" wrapText="1"/>
    </xf>
    <xf numFmtId="0" fontId="4" fillId="2" borderId="45" xfId="0" applyFont="1" applyFill="1" applyBorder="1" applyAlignment="1">
      <alignment horizontal="center" vertical="top" wrapText="1"/>
    </xf>
    <xf numFmtId="1" fontId="9" fillId="5" borderId="46" xfId="0" applyNumberFormat="1" applyFont="1" applyFill="1" applyBorder="1" applyAlignment="1">
      <alignment horizontal="center" vertical="top" wrapText="1"/>
    </xf>
    <xf numFmtId="49" fontId="3" fillId="0" borderId="48" xfId="0" applyNumberFormat="1" applyFont="1" applyBorder="1" applyAlignment="1" applyProtection="1">
      <alignment horizontal="left" vertical="center" wrapText="1"/>
      <protection locked="0"/>
    </xf>
    <xf numFmtId="49" fontId="3" fillId="0" borderId="49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0" xfId="0" applyNumberFormat="1" applyFont="1" applyBorder="1" applyAlignment="1" applyProtection="1">
      <alignment horizontal="right" vertical="center" wrapText="1"/>
      <protection locked="0"/>
    </xf>
    <xf numFmtId="4" fontId="3" fillId="0" borderId="51" xfId="0" applyNumberFormat="1" applyFont="1" applyBorder="1" applyAlignment="1" applyProtection="1">
      <alignment horizontal="right" vertical="center" wrapText="1"/>
      <protection locked="0"/>
    </xf>
    <xf numFmtId="166" fontId="3" fillId="0" borderId="40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4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0" fontId="9" fillId="5" borderId="63" xfId="0" applyFont="1" applyFill="1" applyBorder="1" applyAlignment="1" applyProtection="1">
      <alignment horizontal="center" vertical="top" wrapText="1"/>
      <protection locked="0"/>
    </xf>
    <xf numFmtId="0" fontId="9" fillId="5" borderId="64" xfId="0" applyFont="1" applyFill="1" applyBorder="1" applyAlignment="1" applyProtection="1">
      <alignment horizontal="center" vertical="top" wrapText="1"/>
      <protection locked="0"/>
    </xf>
    <xf numFmtId="49" fontId="3" fillId="0" borderId="65" xfId="0" applyNumberFormat="1" applyFont="1" applyBorder="1" applyAlignment="1" applyProtection="1">
      <alignment horizontal="center" vertical="center" wrapText="1"/>
      <protection locked="0"/>
    </xf>
    <xf numFmtId="49" fontId="3" fillId="0" borderId="67" xfId="0" applyNumberFormat="1" applyFont="1" applyBorder="1" applyAlignment="1" applyProtection="1">
      <alignment horizontal="center" vertical="center" wrapText="1"/>
      <protection locked="0"/>
    </xf>
    <xf numFmtId="49" fontId="3" fillId="0" borderId="69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left" vertical="center" wrapText="1"/>
      <protection locked="0"/>
    </xf>
    <xf numFmtId="49" fontId="3" fillId="0" borderId="71" xfId="0" applyNumberFormat="1" applyFont="1" applyBorder="1" applyAlignment="1" applyProtection="1">
      <alignment horizontal="center" vertical="center" wrapText="1"/>
      <protection locked="0"/>
    </xf>
    <xf numFmtId="49" fontId="2" fillId="0" borderId="72" xfId="0" applyNumberFormat="1" applyFont="1" applyBorder="1" applyAlignment="1" applyProtection="1">
      <alignment horizontal="center" vertical="center" wrapText="1"/>
      <protection locked="0"/>
    </xf>
    <xf numFmtId="166" fontId="3" fillId="0" borderId="73" xfId="0" applyNumberFormat="1" applyFont="1" applyBorder="1" applyAlignment="1" applyProtection="1">
      <alignment horizontal="right" vertical="center" wrapText="1"/>
      <protection locked="0"/>
    </xf>
    <xf numFmtId="9" fontId="3" fillId="0" borderId="74" xfId="0" applyNumberFormat="1" applyFont="1" applyBorder="1" applyAlignment="1" applyProtection="1">
      <alignment horizontal="right" vertical="center" wrapText="1"/>
      <protection locked="0"/>
    </xf>
    <xf numFmtId="4" fontId="3" fillId="0" borderId="75" xfId="0" applyNumberFormat="1" applyFont="1" applyBorder="1" applyAlignment="1" applyProtection="1">
      <alignment horizontal="right" vertical="center" wrapText="1"/>
      <protection locked="0"/>
    </xf>
    <xf numFmtId="0" fontId="9" fillId="5" borderId="77" xfId="0" applyFont="1" applyFill="1" applyBorder="1" applyAlignment="1" applyProtection="1">
      <alignment horizontal="center" vertical="center" wrapText="1"/>
      <protection locked="0"/>
    </xf>
    <xf numFmtId="0" fontId="9" fillId="5" borderId="76" xfId="0" applyFont="1" applyFill="1" applyBorder="1" applyAlignment="1" applyProtection="1">
      <alignment horizontal="center" vertical="center" wrapText="1"/>
      <protection locked="0"/>
    </xf>
    <xf numFmtId="0" fontId="9" fillId="5" borderId="78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top" wrapText="1"/>
      <protection locked="0"/>
    </xf>
    <xf numFmtId="164" fontId="3" fillId="2" borderId="80" xfId="0" applyNumberFormat="1" applyFont="1" applyFill="1" applyBorder="1" applyAlignment="1">
      <alignment horizontal="center" vertical="top" wrapText="1"/>
    </xf>
    <xf numFmtId="0" fontId="7" fillId="3" borderId="0" xfId="0" applyFont="1" applyFill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1" fillId="0" borderId="0" xfId="0" applyFont="1" applyFill="1" applyAlignment="1">
      <alignment vertical="center"/>
    </xf>
    <xf numFmtId="0" fontId="2" fillId="0" borderId="5" xfId="0" applyFont="1" applyBorder="1" applyAlignment="1">
      <alignment horizontal="center" vertical="center" wrapText="1"/>
    </xf>
    <xf numFmtId="164" fontId="3" fillId="2" borderId="84" xfId="0" applyNumberFormat="1" applyFont="1" applyFill="1" applyBorder="1" applyAlignment="1">
      <alignment horizontal="center" vertical="top" wrapText="1"/>
    </xf>
    <xf numFmtId="164" fontId="3" fillId="0" borderId="0" xfId="0" applyNumberFormat="1" applyFont="1" applyFill="1" applyBorder="1" applyAlignment="1">
      <alignment horizontal="center" vertical="top" wrapText="1"/>
    </xf>
    <xf numFmtId="164" fontId="4" fillId="0" borderId="0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vertical="center" wrapText="1"/>
    </xf>
    <xf numFmtId="1" fontId="9" fillId="5" borderId="87" xfId="0" applyNumberFormat="1" applyFont="1" applyFill="1" applyBorder="1" applyAlignment="1">
      <alignment horizontal="center" vertical="top" wrapText="1"/>
    </xf>
    <xf numFmtId="165" fontId="2" fillId="0" borderId="86" xfId="0" applyNumberFormat="1" applyFont="1" applyBorder="1" applyAlignment="1">
      <alignment horizontal="right" vertical="center" wrapText="1"/>
    </xf>
    <xf numFmtId="165" fontId="7" fillId="0" borderId="61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wrapText="1"/>
    </xf>
    <xf numFmtId="1" fontId="9" fillId="5" borderId="88" xfId="0" applyNumberFormat="1" applyFont="1" applyFill="1" applyBorder="1" applyAlignment="1">
      <alignment horizontal="center" vertical="top" wrapText="1"/>
    </xf>
    <xf numFmtId="165" fontId="7" fillId="4" borderId="81" xfId="0" applyNumberFormat="1" applyFont="1" applyFill="1" applyBorder="1" applyAlignment="1">
      <alignment vertical="center" wrapText="1"/>
    </xf>
    <xf numFmtId="0" fontId="2" fillId="0" borderId="0" xfId="0" applyFont="1" applyBorder="1" applyAlignment="1">
      <alignment wrapText="1"/>
    </xf>
    <xf numFmtId="0" fontId="2" fillId="0" borderId="0" xfId="0" applyFont="1" applyAlignment="1">
      <alignment horizontal="center" wrapText="1"/>
    </xf>
    <xf numFmtId="165" fontId="2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vertical="center" wrapText="1"/>
    </xf>
    <xf numFmtId="0" fontId="2" fillId="0" borderId="12" xfId="0" applyFont="1" applyBorder="1" applyAlignment="1">
      <alignment horizontal="center" vertical="center" wrapText="1"/>
    </xf>
    <xf numFmtId="3" fontId="2" fillId="0" borderId="12" xfId="0" applyNumberFormat="1" applyFont="1" applyFill="1" applyBorder="1" applyAlignment="1">
      <alignment horizontal="center" vertical="center" wrapText="1"/>
    </xf>
    <xf numFmtId="1" fontId="9" fillId="5" borderId="66" xfId="0" applyNumberFormat="1" applyFont="1" applyFill="1" applyBorder="1" applyAlignment="1">
      <alignment horizontal="center" vertical="top" wrapText="1"/>
    </xf>
    <xf numFmtId="0" fontId="2" fillId="0" borderId="90" xfId="0" applyFont="1" applyBorder="1" applyAlignment="1">
      <alignment horizontal="center" vertical="center" wrapText="1"/>
    </xf>
    <xf numFmtId="0" fontId="2" fillId="0" borderId="91" xfId="0" applyFont="1" applyBorder="1" applyAlignment="1">
      <alignment horizontal="center" vertical="center" wrapText="1"/>
    </xf>
    <xf numFmtId="9" fontId="2" fillId="0" borderId="91" xfId="0" applyNumberFormat="1" applyFont="1" applyBorder="1" applyAlignment="1">
      <alignment horizontal="center" vertical="center" wrapText="1"/>
    </xf>
    <xf numFmtId="165" fontId="2" fillId="0" borderId="92" xfId="0" applyNumberFormat="1" applyFont="1" applyBorder="1" applyAlignment="1">
      <alignment horizontal="right" vertical="center" wrapText="1"/>
    </xf>
    <xf numFmtId="0" fontId="4" fillId="2" borderId="93" xfId="0" applyFont="1" applyFill="1" applyBorder="1" applyAlignment="1">
      <alignment vertical="top" wrapText="1"/>
    </xf>
    <xf numFmtId="0" fontId="4" fillId="2" borderId="94" xfId="0" applyFont="1" applyFill="1" applyBorder="1" applyAlignment="1">
      <alignment horizontal="center" vertical="top" wrapText="1"/>
    </xf>
    <xf numFmtId="1" fontId="9" fillId="5" borderId="95" xfId="0" applyNumberFormat="1" applyFont="1" applyFill="1" applyBorder="1" applyAlignment="1">
      <alignment horizontal="center" vertical="top" wrapText="1"/>
    </xf>
    <xf numFmtId="0" fontId="6" fillId="0" borderId="96" xfId="0" applyFont="1" applyBorder="1" applyAlignment="1">
      <alignment vertical="center" wrapText="1"/>
    </xf>
    <xf numFmtId="0" fontId="6" fillId="0" borderId="89" xfId="0" applyFont="1" applyBorder="1" applyAlignment="1">
      <alignment vertical="center" wrapText="1"/>
    </xf>
    <xf numFmtId="0" fontId="4" fillId="2" borderId="82" xfId="0" applyFont="1" applyFill="1" applyBorder="1" applyAlignment="1">
      <alignment horizontal="left" vertical="top" wrapText="1"/>
    </xf>
    <xf numFmtId="0" fontId="4" fillId="2" borderId="83" xfId="0" applyFont="1" applyFill="1" applyBorder="1" applyAlignment="1">
      <alignment horizontal="left" vertical="top" wrapText="1"/>
    </xf>
    <xf numFmtId="1" fontId="9" fillId="5" borderId="90" xfId="0" applyNumberFormat="1" applyFont="1" applyFill="1" applyBorder="1" applyAlignment="1">
      <alignment horizontal="center" vertical="top" wrapText="1"/>
    </xf>
    <xf numFmtId="164" fontId="3" fillId="0" borderId="61" xfId="0" applyNumberFormat="1" applyFont="1" applyFill="1" applyBorder="1" applyAlignment="1">
      <alignment horizontal="center" vertical="top" wrapText="1"/>
    </xf>
    <xf numFmtId="1" fontId="9" fillId="0" borderId="61" xfId="0" applyNumberFormat="1" applyFont="1" applyFill="1" applyBorder="1" applyAlignment="1">
      <alignment horizontal="center" vertical="top" wrapText="1"/>
    </xf>
    <xf numFmtId="164" fontId="4" fillId="0" borderId="61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top" wrapText="1"/>
    </xf>
    <xf numFmtId="165" fontId="2" fillId="0" borderId="61" xfId="0" applyNumberFormat="1" applyFont="1" applyFill="1" applyBorder="1" applyAlignment="1">
      <alignment horizontal="right" vertical="center" wrapText="1"/>
    </xf>
    <xf numFmtId="165" fontId="2" fillId="0" borderId="97" xfId="0" applyNumberFormat="1" applyFont="1" applyBorder="1" applyAlignment="1">
      <alignment horizontal="right" vertical="center" wrapText="1"/>
    </xf>
    <xf numFmtId="0" fontId="2" fillId="0" borderId="97" xfId="0" applyFont="1" applyBorder="1" applyAlignment="1">
      <alignment horizontal="center" vertical="center" wrapText="1"/>
    </xf>
    <xf numFmtId="3" fontId="2" fillId="0" borderId="97" xfId="0" applyNumberFormat="1" applyFont="1" applyFill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9" fontId="2" fillId="0" borderId="96" xfId="0" applyNumberFormat="1" applyFont="1" applyBorder="1" applyAlignment="1">
      <alignment horizontal="center" vertical="center" wrapText="1"/>
    </xf>
    <xf numFmtId="3" fontId="16" fillId="7" borderId="2" xfId="0" applyNumberFormat="1" applyFont="1" applyFill="1" applyBorder="1" applyAlignment="1">
      <alignment horizontal="center" vertical="center" wrapText="1"/>
    </xf>
    <xf numFmtId="9" fontId="16" fillId="0" borderId="0" xfId="0" applyNumberFormat="1" applyFont="1" applyAlignment="1">
      <alignment horizontal="center" wrapText="1"/>
    </xf>
    <xf numFmtId="0" fontId="17" fillId="7" borderId="0" xfId="0" applyFont="1" applyFill="1" applyAlignment="1">
      <alignment horizontal="center" vertical="center" wrapText="1"/>
    </xf>
    <xf numFmtId="0" fontId="18" fillId="7" borderId="0" xfId="0" applyFont="1" applyFill="1" applyAlignment="1">
      <alignment horizontal="center" vertical="center" wrapText="1"/>
    </xf>
    <xf numFmtId="3" fontId="4" fillId="0" borderId="66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68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>
      <alignment horizontal="left" vertical="center"/>
    </xf>
    <xf numFmtId="0" fontId="4" fillId="0" borderId="57" xfId="0" applyFont="1" applyBorder="1" applyAlignment="1" applyProtection="1">
      <alignment horizontal="center" vertical="top" wrapText="1"/>
      <protection locked="0"/>
    </xf>
    <xf numFmtId="0" fontId="4" fillId="0" borderId="58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23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56" xfId="0" applyFont="1" applyBorder="1" applyAlignment="1" applyProtection="1">
      <alignment horizontal="center" vertical="top" wrapText="1"/>
      <protection locked="0"/>
    </xf>
    <xf numFmtId="0" fontId="4" fillId="0" borderId="47" xfId="0" applyFont="1" applyBorder="1" applyAlignment="1" applyProtection="1">
      <alignment horizontal="center" vertical="top" wrapText="1"/>
      <protection locked="0"/>
    </xf>
    <xf numFmtId="0" fontId="4" fillId="0" borderId="15" xfId="0" applyFont="1" applyBorder="1" applyAlignment="1" applyProtection="1">
      <alignment horizontal="center" vertical="top" wrapText="1"/>
      <protection locked="0"/>
    </xf>
    <xf numFmtId="0" fontId="4" fillId="0" borderId="18" xfId="0" applyFont="1" applyBorder="1" applyAlignment="1" applyProtection="1">
      <alignment horizontal="center" vertical="top" wrapText="1"/>
      <protection locked="0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 applyProtection="1">
      <alignment horizontal="center" vertical="top" wrapText="1"/>
      <protection locked="0"/>
    </xf>
    <xf numFmtId="0" fontId="4" fillId="0" borderId="28" xfId="0" applyFont="1" applyBorder="1" applyAlignment="1" applyProtection="1">
      <alignment horizontal="center" vertical="top" wrapText="1"/>
      <protection locked="0"/>
    </xf>
    <xf numFmtId="0" fontId="14" fillId="0" borderId="0" xfId="0" applyFont="1" applyAlignment="1">
      <alignment horizontal="left" vertical="top" wrapText="1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7" fillId="0" borderId="0" xfId="0" applyFont="1" applyAlignment="1">
      <alignment horizontal="left" wrapText="1"/>
    </xf>
    <xf numFmtId="0" fontId="4" fillId="0" borderId="16" xfId="0" applyFont="1" applyBorder="1" applyAlignment="1">
      <alignment horizontal="center" vertical="center" wrapText="1"/>
    </xf>
    <xf numFmtId="0" fontId="7" fillId="6" borderId="0" xfId="0" applyFont="1" applyFill="1" applyAlignment="1">
      <alignment horizontal="left" vertical="center" wrapText="1"/>
    </xf>
    <xf numFmtId="0" fontId="4" fillId="0" borderId="52" xfId="0" applyFont="1" applyBorder="1" applyAlignment="1">
      <alignment horizontal="left" vertical="center" wrapText="1"/>
    </xf>
    <xf numFmtId="164" fontId="4" fillId="2" borderId="32" xfId="0" applyNumberFormat="1" applyFont="1" applyFill="1" applyBorder="1" applyAlignment="1">
      <alignment horizontal="center" vertical="top" wrapText="1"/>
    </xf>
    <xf numFmtId="164" fontId="4" fillId="2" borderId="33" xfId="0" applyNumberFormat="1" applyFont="1" applyFill="1" applyBorder="1" applyAlignment="1">
      <alignment horizontal="center" vertical="top" wrapText="1"/>
    </xf>
    <xf numFmtId="164" fontId="4" fillId="2" borderId="34" xfId="0" applyNumberFormat="1" applyFont="1" applyFill="1" applyBorder="1" applyAlignment="1">
      <alignment horizontal="center" vertical="top" wrapText="1"/>
    </xf>
    <xf numFmtId="164" fontId="4" fillId="2" borderId="85" xfId="0" applyNumberFormat="1" applyFont="1" applyFill="1" applyBorder="1" applyAlignment="1">
      <alignment horizontal="center" vertical="top" wrapText="1"/>
    </xf>
    <xf numFmtId="0" fontId="11" fillId="7" borderId="0" xfId="0" applyFont="1" applyFill="1" applyAlignment="1">
      <alignment horizontal="left" vertical="center"/>
    </xf>
    <xf numFmtId="3" fontId="15" fillId="7" borderId="66" xfId="0" applyNumberFormat="1" applyFont="1" applyFill="1" applyBorder="1" applyAlignment="1" applyProtection="1">
      <alignment horizontal="center" vertical="center" wrapText="1"/>
      <protection locked="0"/>
    </xf>
    <xf numFmtId="3" fontId="15" fillId="7" borderId="68" xfId="0" applyNumberFormat="1" applyFont="1" applyFill="1" applyBorder="1" applyAlignment="1" applyProtection="1">
      <alignment horizontal="center" vertical="center" wrapText="1"/>
      <protection locked="0"/>
    </xf>
    <xf numFmtId="3" fontId="15" fillId="7" borderId="11" xfId="0" applyNumberFormat="1" applyFont="1" applyFill="1" applyBorder="1" applyAlignment="1" applyProtection="1">
      <alignment horizontal="center" vertical="center" wrapText="1"/>
      <protection locked="0"/>
    </xf>
    <xf numFmtId="0" fontId="11" fillId="8" borderId="0" xfId="0" applyFont="1" applyFill="1" applyAlignment="1">
      <alignment horizontal="left" vertical="center"/>
    </xf>
    <xf numFmtId="0" fontId="11" fillId="0" borderId="0" xfId="0" applyFont="1" applyFill="1" applyAlignment="1">
      <alignment horizontal="left" vertical="center"/>
    </xf>
    <xf numFmtId="0" fontId="11" fillId="3" borderId="0" xfId="0" applyFont="1" applyFill="1" applyAlignment="1">
      <alignment horizontal="left" vertical="center"/>
    </xf>
  </cellXfs>
  <cellStyles count="3">
    <cellStyle name="Normálna 2" xfId="2"/>
    <cellStyle name="Normálne" xfId="0" builtinId="0"/>
    <cellStyle name="Normálne 4" xfId="1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N48"/>
  <sheetViews>
    <sheetView showGridLines="0" zoomScaleNormal="100" workbookViewId="0">
      <selection activeCell="A4" sqref="A4:I4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78" t="s">
        <v>46</v>
      </c>
      <c r="B1" s="178"/>
      <c r="C1" s="178"/>
      <c r="D1" s="178"/>
      <c r="E1" s="178"/>
      <c r="F1" s="178"/>
      <c r="G1" s="178"/>
      <c r="H1" s="178"/>
      <c r="I1" s="178"/>
      <c r="J1" s="178"/>
      <c r="K1" s="178"/>
      <c r="L1" s="178"/>
      <c r="M1" s="178"/>
      <c r="N1" s="178"/>
    </row>
    <row r="2" spans="1:14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</row>
    <row r="3" spans="1:14" s="7" customFormat="1" ht="15" customHeight="1" x14ac:dyDescent="0.2">
      <c r="A3" s="80" t="s">
        <v>34</v>
      </c>
      <c r="B3" s="80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</row>
    <row r="4" spans="1:14" s="7" customFormat="1" ht="21" customHeight="1" x14ac:dyDescent="0.25">
      <c r="A4" s="155" t="s">
        <v>50</v>
      </c>
      <c r="B4" s="155"/>
      <c r="C4" s="155"/>
      <c r="D4" s="155"/>
      <c r="E4" s="155"/>
      <c r="F4" s="155"/>
      <c r="G4" s="155"/>
      <c r="H4" s="155"/>
      <c r="I4" s="155"/>
      <c r="J4" s="17"/>
      <c r="K4" s="16"/>
      <c r="L4" s="3"/>
      <c r="M4" s="15"/>
      <c r="N4" s="3"/>
    </row>
    <row r="5" spans="1:14" s="7" customFormat="1" ht="14.25" customHeight="1" x14ac:dyDescent="0.25">
      <c r="A5" s="81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</row>
    <row r="6" spans="1:14" s="7" customFormat="1" ht="21" customHeight="1" x14ac:dyDescent="0.25">
      <c r="A6" s="184" t="s">
        <v>51</v>
      </c>
      <c r="B6" s="184"/>
      <c r="C6" s="184"/>
      <c r="D6" s="184"/>
      <c r="E6" s="184"/>
      <c r="F6" s="184"/>
      <c r="G6" s="184"/>
      <c r="H6" s="184"/>
      <c r="I6" s="184"/>
      <c r="J6" s="17"/>
      <c r="K6" s="16"/>
      <c r="L6" s="3"/>
      <c r="M6" s="15"/>
      <c r="N6" s="3"/>
    </row>
    <row r="7" spans="1:14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</row>
    <row r="8" spans="1:14" s="13" customFormat="1" ht="36" customHeight="1" x14ac:dyDescent="0.25">
      <c r="A8" s="134" t="s">
        <v>10</v>
      </c>
      <c r="B8" s="129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80" t="s">
        <v>44</v>
      </c>
      <c r="J8" s="181"/>
      <c r="K8" s="182"/>
      <c r="L8" s="48" t="s">
        <v>3</v>
      </c>
      <c r="M8" s="180" t="s">
        <v>15</v>
      </c>
      <c r="N8" s="183"/>
    </row>
    <row r="9" spans="1:14" s="13" customFormat="1" ht="29.25" customHeight="1" x14ac:dyDescent="0.25">
      <c r="A9" s="135"/>
      <c r="B9" s="130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8" t="s">
        <v>13</v>
      </c>
    </row>
    <row r="10" spans="1:14" s="13" customFormat="1" x14ac:dyDescent="0.25">
      <c r="A10" s="136" t="s">
        <v>2</v>
      </c>
      <c r="B10" s="131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24" t="s">
        <v>41</v>
      </c>
    </row>
    <row r="11" spans="1:14" s="7" customFormat="1" ht="41.25" customHeight="1" x14ac:dyDescent="0.25">
      <c r="A11" s="125" t="s">
        <v>2</v>
      </c>
      <c r="B11" s="132" t="s">
        <v>52</v>
      </c>
      <c r="C11" s="122" t="s">
        <v>58</v>
      </c>
      <c r="D11" s="123">
        <v>100</v>
      </c>
      <c r="E11" s="122"/>
      <c r="F11" s="122"/>
      <c r="G11" s="122"/>
      <c r="H11" s="122"/>
      <c r="I11" s="20"/>
      <c r="J11" s="147"/>
      <c r="K11" s="20">
        <f>I11*J11</f>
        <v>0</v>
      </c>
      <c r="L11" s="20">
        <f>I11+K11</f>
        <v>0</v>
      </c>
      <c r="M11" s="20">
        <f>I11*D11</f>
        <v>0</v>
      </c>
      <c r="N11" s="20">
        <f>L11*D11</f>
        <v>0</v>
      </c>
    </row>
    <row r="12" spans="1:14" s="7" customFormat="1" ht="41.25" customHeight="1" x14ac:dyDescent="0.25">
      <c r="A12" s="125" t="s">
        <v>16</v>
      </c>
      <c r="B12" s="132" t="s">
        <v>54</v>
      </c>
      <c r="C12" s="122" t="s">
        <v>58</v>
      </c>
      <c r="D12" s="123">
        <v>100</v>
      </c>
      <c r="E12" s="122"/>
      <c r="F12" s="122"/>
      <c r="G12" s="122"/>
      <c r="H12" s="122"/>
      <c r="I12" s="20"/>
      <c r="J12" s="147"/>
      <c r="K12" s="20">
        <f t="shared" ref="K12:K13" si="0">I12*J12</f>
        <v>0</v>
      </c>
      <c r="L12" s="20">
        <f t="shared" ref="L12:L13" si="1">I12+K12</f>
        <v>0</v>
      </c>
      <c r="M12" s="20">
        <f t="shared" ref="M12:M13" si="2">I12*D12</f>
        <v>0</v>
      </c>
      <c r="N12" s="20">
        <f t="shared" ref="N12:N13" si="3">L12*D12</f>
        <v>0</v>
      </c>
    </row>
    <row r="13" spans="1:14" s="7" customFormat="1" ht="41.25" customHeight="1" thickBot="1" x14ac:dyDescent="0.3">
      <c r="A13" s="21" t="s">
        <v>17</v>
      </c>
      <c r="B13" s="133" t="s">
        <v>56</v>
      </c>
      <c r="C13" s="143" t="s">
        <v>58</v>
      </c>
      <c r="D13" s="144">
        <v>9185</v>
      </c>
      <c r="E13" s="126"/>
      <c r="F13" s="126"/>
      <c r="G13" s="126"/>
      <c r="H13" s="126"/>
      <c r="I13" s="128"/>
      <c r="J13" s="127"/>
      <c r="K13" s="142">
        <f t="shared" si="0"/>
        <v>0</v>
      </c>
      <c r="L13" s="142">
        <f t="shared" si="1"/>
        <v>0</v>
      </c>
      <c r="M13" s="145">
        <f t="shared" si="2"/>
        <v>0</v>
      </c>
      <c r="N13" s="146">
        <f t="shared" si="3"/>
        <v>0</v>
      </c>
    </row>
    <row r="14" spans="1:14" ht="27.75" customHeight="1" thickBot="1" x14ac:dyDescent="0.25">
      <c r="K14" s="26"/>
      <c r="L14" s="27" t="s">
        <v>11</v>
      </c>
      <c r="M14" s="78">
        <f>SUM(M11:M13)</f>
        <v>0</v>
      </c>
      <c r="N14" s="79">
        <f>SUM(N11:N13)</f>
        <v>0</v>
      </c>
    </row>
    <row r="15" spans="1:14" ht="12" customHeight="1" x14ac:dyDescent="0.2">
      <c r="B15" s="172"/>
      <c r="C15" s="172"/>
      <c r="D15" s="172"/>
      <c r="E15" s="172"/>
      <c r="F15" s="172"/>
      <c r="G15" s="172"/>
      <c r="H15" s="172"/>
      <c r="I15" s="172"/>
      <c r="J15" s="172"/>
      <c r="K15" s="172"/>
      <c r="L15" s="84"/>
      <c r="M15" s="85"/>
      <c r="N15" s="85"/>
    </row>
    <row r="16" spans="1:14" ht="14.25" customHeight="1" x14ac:dyDescent="0.2">
      <c r="K16" s="26"/>
      <c r="L16" s="84"/>
      <c r="M16" s="85"/>
      <c r="N16" s="85"/>
    </row>
    <row r="17" spans="1:12" ht="12.75" customHeight="1" thickBot="1" x14ac:dyDescent="0.25">
      <c r="A17" s="161" t="s">
        <v>53</v>
      </c>
      <c r="B17" s="161"/>
      <c r="C17" s="161"/>
      <c r="D17" s="161"/>
      <c r="E17" s="161"/>
      <c r="F17" s="161"/>
      <c r="G17" s="161"/>
      <c r="H17" s="161"/>
      <c r="I17" s="161"/>
      <c r="J17" s="161"/>
      <c r="K17" s="161"/>
    </row>
    <row r="18" spans="1:12" ht="12.75" customHeight="1" x14ac:dyDescent="0.2">
      <c r="A18" s="162" t="s">
        <v>10</v>
      </c>
      <c r="B18" s="164" t="s">
        <v>25</v>
      </c>
      <c r="C18" s="166" t="s">
        <v>26</v>
      </c>
      <c r="D18" s="166" t="s">
        <v>5</v>
      </c>
      <c r="E18" s="166" t="s">
        <v>27</v>
      </c>
      <c r="F18" s="166" t="s">
        <v>28</v>
      </c>
      <c r="G18" s="168" t="s">
        <v>28</v>
      </c>
      <c r="H18" s="170" t="s">
        <v>29</v>
      </c>
      <c r="I18" s="156" t="s">
        <v>30</v>
      </c>
      <c r="J18" s="157"/>
      <c r="K18" s="158"/>
      <c r="L18" s="159" t="s">
        <v>48</v>
      </c>
    </row>
    <row r="19" spans="1:12" ht="23.25" customHeight="1" x14ac:dyDescent="0.2">
      <c r="A19" s="163"/>
      <c r="B19" s="165"/>
      <c r="C19" s="167"/>
      <c r="D19" s="167"/>
      <c r="E19" s="167"/>
      <c r="F19" s="167"/>
      <c r="G19" s="169"/>
      <c r="H19" s="171"/>
      <c r="I19" s="50" t="s">
        <v>12</v>
      </c>
      <c r="J19" s="51" t="s">
        <v>31</v>
      </c>
      <c r="K19" s="52" t="s">
        <v>13</v>
      </c>
      <c r="L19" s="160"/>
    </row>
    <row r="20" spans="1:12" x14ac:dyDescent="0.2">
      <c r="A20" s="87" t="s">
        <v>2</v>
      </c>
      <c r="B20" s="102" t="s">
        <v>16</v>
      </c>
      <c r="C20" s="54" t="s">
        <v>17</v>
      </c>
      <c r="D20" s="54" t="s">
        <v>18</v>
      </c>
      <c r="E20" s="54" t="s">
        <v>19</v>
      </c>
      <c r="F20" s="54" t="s">
        <v>20</v>
      </c>
      <c r="G20" s="101" t="s">
        <v>21</v>
      </c>
      <c r="H20" s="99" t="s">
        <v>22</v>
      </c>
      <c r="I20" s="100" t="s">
        <v>23</v>
      </c>
      <c r="J20" s="53" t="s">
        <v>24</v>
      </c>
      <c r="K20" s="54" t="s">
        <v>32</v>
      </c>
      <c r="L20" s="88" t="s">
        <v>39</v>
      </c>
    </row>
    <row r="21" spans="1:12" ht="24.6" customHeight="1" x14ac:dyDescent="0.2">
      <c r="A21" s="89" t="s">
        <v>2</v>
      </c>
      <c r="B21" s="71"/>
      <c r="C21" s="56"/>
      <c r="D21" s="57"/>
      <c r="E21" s="57"/>
      <c r="F21" s="57"/>
      <c r="G21" s="86"/>
      <c r="H21" s="57"/>
      <c r="I21" s="76"/>
      <c r="J21" s="58"/>
      <c r="K21" s="74">
        <f>I21*J21+I21</f>
        <v>0</v>
      </c>
      <c r="L21" s="152">
        <v>100</v>
      </c>
    </row>
    <row r="22" spans="1:12" ht="24.6" customHeight="1" x14ac:dyDescent="0.2">
      <c r="A22" s="90" t="s">
        <v>16</v>
      </c>
      <c r="B22" s="72"/>
      <c r="C22" s="60"/>
      <c r="D22" s="59"/>
      <c r="E22" s="59"/>
      <c r="F22" s="59"/>
      <c r="G22" s="86"/>
      <c r="H22" s="55"/>
      <c r="I22" s="77"/>
      <c r="J22" s="61"/>
      <c r="K22" s="75">
        <f t="shared" ref="K22:K23" si="4">I22*J22+I22</f>
        <v>0</v>
      </c>
      <c r="L22" s="153"/>
    </row>
    <row r="23" spans="1:12" ht="24.6" customHeight="1" thickBot="1" x14ac:dyDescent="0.25">
      <c r="A23" s="91" t="s">
        <v>17</v>
      </c>
      <c r="B23" s="92"/>
      <c r="C23" s="93"/>
      <c r="D23" s="94"/>
      <c r="E23" s="94"/>
      <c r="F23" s="94"/>
      <c r="G23" s="95"/>
      <c r="H23" s="94"/>
      <c r="I23" s="96"/>
      <c r="J23" s="97"/>
      <c r="K23" s="98">
        <f t="shared" si="4"/>
        <v>0</v>
      </c>
      <c r="L23" s="154"/>
    </row>
    <row r="24" spans="1:12" ht="12" customHeight="1" x14ac:dyDescent="0.2">
      <c r="A24" s="62"/>
      <c r="B24" s="62"/>
      <c r="C24" s="63"/>
      <c r="D24" s="64"/>
      <c r="E24" s="65"/>
      <c r="F24" s="66"/>
      <c r="G24" s="66"/>
      <c r="H24" s="66"/>
      <c r="I24" s="66"/>
      <c r="J24" s="67"/>
      <c r="K24" s="67"/>
    </row>
    <row r="25" spans="1:12" ht="12" customHeight="1" thickBot="1" x14ac:dyDescent="0.25">
      <c r="A25" s="161" t="s">
        <v>55</v>
      </c>
      <c r="B25" s="161"/>
      <c r="C25" s="161"/>
      <c r="D25" s="161"/>
      <c r="E25" s="161"/>
      <c r="F25" s="161"/>
      <c r="G25" s="161"/>
      <c r="H25" s="161"/>
      <c r="I25" s="161"/>
      <c r="J25" s="161"/>
      <c r="K25" s="161"/>
    </row>
    <row r="26" spans="1:12" ht="12.75" customHeight="1" x14ac:dyDescent="0.2">
      <c r="A26" s="162" t="s">
        <v>10</v>
      </c>
      <c r="B26" s="164" t="s">
        <v>25</v>
      </c>
      <c r="C26" s="166" t="s">
        <v>26</v>
      </c>
      <c r="D26" s="166" t="s">
        <v>5</v>
      </c>
      <c r="E26" s="166" t="s">
        <v>27</v>
      </c>
      <c r="F26" s="166" t="s">
        <v>28</v>
      </c>
      <c r="G26" s="168" t="s">
        <v>28</v>
      </c>
      <c r="H26" s="170" t="s">
        <v>29</v>
      </c>
      <c r="I26" s="156" t="s">
        <v>30</v>
      </c>
      <c r="J26" s="157"/>
      <c r="K26" s="158"/>
      <c r="L26" s="159" t="s">
        <v>48</v>
      </c>
    </row>
    <row r="27" spans="1:12" ht="23.25" customHeight="1" x14ac:dyDescent="0.2">
      <c r="A27" s="163"/>
      <c r="B27" s="165"/>
      <c r="C27" s="167"/>
      <c r="D27" s="167"/>
      <c r="E27" s="167"/>
      <c r="F27" s="167"/>
      <c r="G27" s="169"/>
      <c r="H27" s="171"/>
      <c r="I27" s="50" t="s">
        <v>12</v>
      </c>
      <c r="J27" s="51" t="s">
        <v>31</v>
      </c>
      <c r="K27" s="52" t="s">
        <v>13</v>
      </c>
      <c r="L27" s="160"/>
    </row>
    <row r="28" spans="1:12" ht="12.75" customHeight="1" x14ac:dyDescent="0.2">
      <c r="A28" s="87" t="s">
        <v>2</v>
      </c>
      <c r="B28" s="102" t="s">
        <v>16</v>
      </c>
      <c r="C28" s="54" t="s">
        <v>17</v>
      </c>
      <c r="D28" s="54" t="s">
        <v>18</v>
      </c>
      <c r="E28" s="54" t="s">
        <v>19</v>
      </c>
      <c r="F28" s="54" t="s">
        <v>20</v>
      </c>
      <c r="G28" s="101" t="s">
        <v>21</v>
      </c>
      <c r="H28" s="99" t="s">
        <v>22</v>
      </c>
      <c r="I28" s="100" t="s">
        <v>23</v>
      </c>
      <c r="J28" s="53" t="s">
        <v>24</v>
      </c>
      <c r="K28" s="54" t="s">
        <v>32</v>
      </c>
      <c r="L28" s="88" t="s">
        <v>39</v>
      </c>
    </row>
    <row r="29" spans="1:12" ht="24" customHeight="1" x14ac:dyDescent="0.2">
      <c r="A29" s="89" t="s">
        <v>2</v>
      </c>
      <c r="B29" s="71"/>
      <c r="C29" s="56"/>
      <c r="D29" s="57"/>
      <c r="E29" s="57"/>
      <c r="F29" s="57"/>
      <c r="G29" s="86"/>
      <c r="H29" s="57"/>
      <c r="I29" s="76"/>
      <c r="J29" s="58"/>
      <c r="K29" s="74">
        <f>I29*J29+I29</f>
        <v>0</v>
      </c>
      <c r="L29" s="152">
        <v>100</v>
      </c>
    </row>
    <row r="30" spans="1:12" ht="24" customHeight="1" x14ac:dyDescent="0.2">
      <c r="A30" s="90" t="s">
        <v>16</v>
      </c>
      <c r="B30" s="72"/>
      <c r="C30" s="60"/>
      <c r="D30" s="59"/>
      <c r="E30" s="59"/>
      <c r="F30" s="59"/>
      <c r="G30" s="86"/>
      <c r="H30" s="55"/>
      <c r="I30" s="77"/>
      <c r="J30" s="61"/>
      <c r="K30" s="75">
        <f t="shared" ref="K30:K31" si="5">I30*J30+I30</f>
        <v>0</v>
      </c>
      <c r="L30" s="153"/>
    </row>
    <row r="31" spans="1:12" ht="24" customHeight="1" thickBot="1" x14ac:dyDescent="0.25">
      <c r="A31" s="91" t="s">
        <v>17</v>
      </c>
      <c r="B31" s="92"/>
      <c r="C31" s="93"/>
      <c r="D31" s="94"/>
      <c r="E31" s="94"/>
      <c r="F31" s="94"/>
      <c r="G31" s="95"/>
      <c r="H31" s="94"/>
      <c r="I31" s="96"/>
      <c r="J31" s="97"/>
      <c r="K31" s="98">
        <f t="shared" si="5"/>
        <v>0</v>
      </c>
      <c r="L31" s="154"/>
    </row>
    <row r="32" spans="1:12" ht="12" customHeight="1" x14ac:dyDescent="0.2">
      <c r="A32" s="62"/>
      <c r="B32" s="62"/>
      <c r="C32" s="63"/>
      <c r="D32" s="64"/>
      <c r="E32" s="65"/>
      <c r="F32" s="66"/>
      <c r="G32" s="66"/>
      <c r="H32" s="66"/>
      <c r="I32" s="66"/>
      <c r="J32" s="67"/>
      <c r="K32" s="67"/>
    </row>
    <row r="33" spans="1:12" ht="12" customHeight="1" thickBot="1" x14ac:dyDescent="0.25">
      <c r="A33" s="161" t="s">
        <v>57</v>
      </c>
      <c r="B33" s="161"/>
      <c r="C33" s="161"/>
      <c r="D33" s="161"/>
      <c r="E33" s="161"/>
      <c r="F33" s="161"/>
      <c r="G33" s="161"/>
      <c r="H33" s="161"/>
      <c r="I33" s="161"/>
      <c r="J33" s="161"/>
      <c r="K33" s="161"/>
    </row>
    <row r="34" spans="1:12" ht="12.75" customHeight="1" x14ac:dyDescent="0.2">
      <c r="A34" s="162" t="s">
        <v>10</v>
      </c>
      <c r="B34" s="164" t="s">
        <v>25</v>
      </c>
      <c r="C34" s="166" t="s">
        <v>26</v>
      </c>
      <c r="D34" s="166" t="s">
        <v>5</v>
      </c>
      <c r="E34" s="166" t="s">
        <v>27</v>
      </c>
      <c r="F34" s="166" t="s">
        <v>28</v>
      </c>
      <c r="G34" s="168" t="s">
        <v>28</v>
      </c>
      <c r="H34" s="170" t="s">
        <v>29</v>
      </c>
      <c r="I34" s="156" t="s">
        <v>30</v>
      </c>
      <c r="J34" s="157"/>
      <c r="K34" s="158"/>
      <c r="L34" s="159" t="s">
        <v>48</v>
      </c>
    </row>
    <row r="35" spans="1:12" ht="23.25" customHeight="1" x14ac:dyDescent="0.2">
      <c r="A35" s="163"/>
      <c r="B35" s="165"/>
      <c r="C35" s="167"/>
      <c r="D35" s="167"/>
      <c r="E35" s="167"/>
      <c r="F35" s="167"/>
      <c r="G35" s="169"/>
      <c r="H35" s="171"/>
      <c r="I35" s="50" t="s">
        <v>12</v>
      </c>
      <c r="J35" s="51" t="s">
        <v>31</v>
      </c>
      <c r="K35" s="52" t="s">
        <v>13</v>
      </c>
      <c r="L35" s="160"/>
    </row>
    <row r="36" spans="1:12" ht="12.75" customHeight="1" x14ac:dyDescent="0.2">
      <c r="A36" s="87" t="s">
        <v>2</v>
      </c>
      <c r="B36" s="102" t="s">
        <v>16</v>
      </c>
      <c r="C36" s="54" t="s">
        <v>17</v>
      </c>
      <c r="D36" s="54" t="s">
        <v>18</v>
      </c>
      <c r="E36" s="54" t="s">
        <v>19</v>
      </c>
      <c r="F36" s="54" t="s">
        <v>20</v>
      </c>
      <c r="G36" s="101" t="s">
        <v>21</v>
      </c>
      <c r="H36" s="99" t="s">
        <v>22</v>
      </c>
      <c r="I36" s="100" t="s">
        <v>23</v>
      </c>
      <c r="J36" s="53" t="s">
        <v>24</v>
      </c>
      <c r="K36" s="54" t="s">
        <v>32</v>
      </c>
      <c r="L36" s="88" t="s">
        <v>39</v>
      </c>
    </row>
    <row r="37" spans="1:12" ht="24" customHeight="1" x14ac:dyDescent="0.2">
      <c r="A37" s="89" t="s">
        <v>2</v>
      </c>
      <c r="B37" s="71"/>
      <c r="C37" s="56"/>
      <c r="D37" s="57"/>
      <c r="E37" s="57"/>
      <c r="F37" s="57"/>
      <c r="G37" s="86"/>
      <c r="H37" s="57"/>
      <c r="I37" s="76"/>
      <c r="J37" s="58"/>
      <c r="K37" s="74">
        <f>I37*J37+I37</f>
        <v>0</v>
      </c>
      <c r="L37" s="152">
        <v>9185</v>
      </c>
    </row>
    <row r="38" spans="1:12" ht="24" customHeight="1" x14ac:dyDescent="0.2">
      <c r="A38" s="90" t="s">
        <v>16</v>
      </c>
      <c r="B38" s="72"/>
      <c r="C38" s="60"/>
      <c r="D38" s="59"/>
      <c r="E38" s="59"/>
      <c r="F38" s="59"/>
      <c r="G38" s="86"/>
      <c r="H38" s="55"/>
      <c r="I38" s="77"/>
      <c r="J38" s="61"/>
      <c r="K38" s="75">
        <f t="shared" ref="K38:K39" si="6">I38*J38+I38</f>
        <v>0</v>
      </c>
      <c r="L38" s="153"/>
    </row>
    <row r="39" spans="1:12" ht="24" customHeight="1" thickBot="1" x14ac:dyDescent="0.25">
      <c r="A39" s="91" t="s">
        <v>17</v>
      </c>
      <c r="B39" s="92"/>
      <c r="C39" s="93"/>
      <c r="D39" s="94"/>
      <c r="E39" s="94"/>
      <c r="F39" s="94"/>
      <c r="G39" s="95"/>
      <c r="H39" s="94"/>
      <c r="I39" s="96"/>
      <c r="J39" s="97"/>
      <c r="K39" s="98">
        <f t="shared" si="6"/>
        <v>0</v>
      </c>
      <c r="L39" s="154"/>
    </row>
    <row r="40" spans="1:12" ht="9.75" customHeight="1" x14ac:dyDescent="0.2">
      <c r="A40" s="174"/>
      <c r="B40" s="174"/>
      <c r="C40" s="174"/>
      <c r="D40" s="174"/>
      <c r="E40" s="174"/>
      <c r="F40" s="174"/>
      <c r="G40" s="174"/>
      <c r="H40" s="174"/>
      <c r="I40" s="174"/>
      <c r="J40" s="174"/>
      <c r="K40" s="174"/>
    </row>
    <row r="41" spans="1:12" ht="19.5" customHeight="1" x14ac:dyDescent="0.2">
      <c r="A41" s="175" t="s">
        <v>42</v>
      </c>
      <c r="B41" s="175"/>
      <c r="C41" s="175"/>
      <c r="D41" s="175"/>
      <c r="E41" s="175"/>
      <c r="F41" s="175"/>
      <c r="G41" s="175"/>
      <c r="H41" s="175"/>
      <c r="I41" s="175"/>
      <c r="J41" s="175"/>
      <c r="K41" s="175"/>
    </row>
    <row r="42" spans="1:12" ht="19.5" customHeight="1" x14ac:dyDescent="0.2">
      <c r="A42" s="176" t="s">
        <v>43</v>
      </c>
      <c r="B42" s="176"/>
      <c r="C42" s="176"/>
      <c r="D42" s="176"/>
      <c r="E42" s="176"/>
      <c r="F42" s="176"/>
      <c r="G42" s="176"/>
      <c r="H42" s="176"/>
      <c r="I42" s="176"/>
      <c r="J42" s="176"/>
      <c r="K42" s="176"/>
    </row>
    <row r="43" spans="1:12" ht="13.5" customHeight="1" x14ac:dyDescent="0.2"/>
    <row r="44" spans="1:12" ht="24.6" customHeight="1" x14ac:dyDescent="0.25">
      <c r="B44" s="9" t="s">
        <v>35</v>
      </c>
      <c r="C44" s="177"/>
      <c r="D44" s="177"/>
      <c r="E44" s="41"/>
      <c r="F44" s="11" t="s">
        <v>37</v>
      </c>
      <c r="G44" s="73"/>
      <c r="H44" s="73"/>
    </row>
    <row r="45" spans="1:12" ht="24.6" customHeight="1" x14ac:dyDescent="0.2">
      <c r="B45" s="9" t="s">
        <v>36</v>
      </c>
      <c r="C45" s="177"/>
      <c r="D45" s="177"/>
      <c r="E45" s="41"/>
      <c r="F45" s="9" t="s">
        <v>38</v>
      </c>
      <c r="G45" s="179"/>
      <c r="H45" s="179"/>
    </row>
    <row r="46" spans="1:12" ht="24.6" customHeight="1" x14ac:dyDescent="0.2">
      <c r="C46" s="1"/>
      <c r="D46" s="1"/>
      <c r="E46" s="1"/>
      <c r="F46" s="9"/>
      <c r="G46" s="173"/>
      <c r="H46" s="173"/>
    </row>
    <row r="47" spans="1:12" ht="24.6" customHeight="1" x14ac:dyDescent="0.2">
      <c r="B47" s="9" t="s">
        <v>1</v>
      </c>
      <c r="C47" s="177"/>
      <c r="D47" s="177"/>
      <c r="E47" s="43"/>
      <c r="F47" s="8"/>
      <c r="G47" s="10"/>
      <c r="H47" s="10"/>
    </row>
    <row r="48" spans="1:12" ht="24.6" customHeight="1" x14ac:dyDescent="0.2">
      <c r="B48" s="9" t="s">
        <v>0</v>
      </c>
      <c r="C48" s="177"/>
      <c r="D48" s="177"/>
      <c r="E48" s="42"/>
      <c r="F48" s="10"/>
      <c r="G48" s="1"/>
      <c r="H48" s="7"/>
    </row>
  </sheetData>
  <mergeCells count="51">
    <mergeCell ref="A1:N1"/>
    <mergeCell ref="G45:H45"/>
    <mergeCell ref="I8:K8"/>
    <mergeCell ref="M8:N8"/>
    <mergeCell ref="E18:E19"/>
    <mergeCell ref="F18:F19"/>
    <mergeCell ref="G18:G19"/>
    <mergeCell ref="C44:D44"/>
    <mergeCell ref="C45:D45"/>
    <mergeCell ref="L18:L19"/>
    <mergeCell ref="I18:K18"/>
    <mergeCell ref="H18:H19"/>
    <mergeCell ref="L21:L23"/>
    <mergeCell ref="A6:I6"/>
    <mergeCell ref="G26:G27"/>
    <mergeCell ref="H26:H27"/>
    <mergeCell ref="C47:D47"/>
    <mergeCell ref="C48:D48"/>
    <mergeCell ref="A18:A19"/>
    <mergeCell ref="B18:B19"/>
    <mergeCell ref="C18:C19"/>
    <mergeCell ref="D18:D19"/>
    <mergeCell ref="B15:K15"/>
    <mergeCell ref="G46:H46"/>
    <mergeCell ref="A40:K40"/>
    <mergeCell ref="A41:K41"/>
    <mergeCell ref="A42:K42"/>
    <mergeCell ref="A17:K17"/>
    <mergeCell ref="A25:K25"/>
    <mergeCell ref="A26:A27"/>
    <mergeCell ref="B26:B27"/>
    <mergeCell ref="C26:C27"/>
    <mergeCell ref="D26:D27"/>
    <mergeCell ref="E26:E27"/>
    <mergeCell ref="F26:F27"/>
    <mergeCell ref="L37:L39"/>
    <mergeCell ref="A4:I4"/>
    <mergeCell ref="I26:K26"/>
    <mergeCell ref="L26:L27"/>
    <mergeCell ref="L29:L31"/>
    <mergeCell ref="A33:K33"/>
    <mergeCell ref="A34:A35"/>
    <mergeCell ref="B34:B35"/>
    <mergeCell ref="C34:C35"/>
    <mergeCell ref="D34:D35"/>
    <mergeCell ref="E34:E35"/>
    <mergeCell ref="F34:F35"/>
    <mergeCell ref="G34:G35"/>
    <mergeCell ref="H34:H35"/>
    <mergeCell ref="I34:K34"/>
    <mergeCell ref="L34:L35"/>
  </mergeCells>
  <conditionalFormatting sqref="G45:H45 C44:C45 C47:C48 E11:N13">
    <cfRule type="containsBlanks" dxfId="2" priority="9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2" manualBreakCount="2">
    <brk id="32" max="13" man="1"/>
    <brk id="49" max="1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P31"/>
  <sheetViews>
    <sheetView showGridLines="0" tabSelected="1" zoomScaleNormal="100" workbookViewId="0">
      <selection activeCell="A6" sqref="A6:I6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19" customWidth="1"/>
    <col min="4" max="4" width="13.28515625" style="119" customWidth="1"/>
    <col min="5" max="5" width="20.85546875" style="119" customWidth="1"/>
    <col min="6" max="6" width="20.7109375" style="119" customWidth="1"/>
    <col min="7" max="8" width="14.7109375" style="119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140625" style="2" customWidth="1"/>
    <col min="16" max="16384" width="9.140625" style="1"/>
  </cols>
  <sheetData>
    <row r="1" spans="1:16" s="7" customFormat="1" ht="20.100000000000001" customHeight="1" x14ac:dyDescent="0.25">
      <c r="A1" s="178" t="s">
        <v>46</v>
      </c>
      <c r="B1" s="178"/>
      <c r="C1" s="178"/>
      <c r="D1" s="178"/>
      <c r="E1" s="178"/>
      <c r="F1" s="178"/>
      <c r="G1" s="178"/>
      <c r="H1" s="178"/>
      <c r="I1" s="178"/>
      <c r="J1" s="178"/>
      <c r="K1" s="178"/>
      <c r="L1" s="178"/>
      <c r="M1" s="178"/>
      <c r="N1" s="178"/>
      <c r="O1" s="104"/>
    </row>
    <row r="2" spans="1:16" s="7" customFormat="1" ht="15" x14ac:dyDescent="0.25">
      <c r="A2" s="19"/>
      <c r="B2" s="19"/>
      <c r="C2" s="18"/>
      <c r="D2" s="18"/>
      <c r="E2" s="18"/>
      <c r="F2" s="18"/>
      <c r="G2" s="150" t="s">
        <v>65</v>
      </c>
      <c r="H2" s="18"/>
      <c r="I2" s="15"/>
      <c r="J2" s="17"/>
      <c r="K2" s="16"/>
      <c r="L2" s="3"/>
      <c r="M2" s="15"/>
      <c r="N2" s="3"/>
      <c r="O2" s="3"/>
    </row>
    <row r="3" spans="1:16" s="7" customFormat="1" ht="15" customHeight="1" x14ac:dyDescent="0.2">
      <c r="A3" s="80" t="s">
        <v>34</v>
      </c>
      <c r="B3" s="80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  <c r="O3" s="3"/>
    </row>
    <row r="4" spans="1:16" s="7" customFormat="1" ht="21" customHeight="1" x14ac:dyDescent="0.25">
      <c r="A4" s="155" t="s">
        <v>50</v>
      </c>
      <c r="B4" s="155"/>
      <c r="C4" s="155"/>
      <c r="D4" s="155"/>
      <c r="E4" s="155"/>
      <c r="F4" s="155"/>
      <c r="G4" s="155"/>
      <c r="H4" s="155"/>
      <c r="I4" s="155"/>
      <c r="J4" s="17"/>
      <c r="K4" s="16"/>
      <c r="L4" s="3"/>
      <c r="M4" s="15"/>
      <c r="N4" s="3"/>
      <c r="O4" s="3"/>
    </row>
    <row r="5" spans="1:16" s="7" customFormat="1" ht="14.25" customHeight="1" x14ac:dyDescent="0.25">
      <c r="A5" s="81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6" s="7" customFormat="1" ht="21" customHeight="1" x14ac:dyDescent="0.25">
      <c r="A6" s="188" t="s">
        <v>59</v>
      </c>
      <c r="B6" s="188"/>
      <c r="C6" s="188"/>
      <c r="D6" s="188"/>
      <c r="E6" s="188"/>
      <c r="F6" s="188"/>
      <c r="G6" s="188"/>
      <c r="H6" s="188"/>
      <c r="I6" s="188"/>
      <c r="J6" s="17"/>
      <c r="K6" s="16"/>
      <c r="L6" s="3"/>
      <c r="M6" s="15"/>
      <c r="N6" s="3"/>
      <c r="O6" s="3"/>
    </row>
    <row r="7" spans="1:16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111"/>
    </row>
    <row r="8" spans="1:16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80" t="s">
        <v>44</v>
      </c>
      <c r="J8" s="181"/>
      <c r="K8" s="182"/>
      <c r="L8" s="48" t="s">
        <v>3</v>
      </c>
      <c r="M8" s="180" t="s">
        <v>15</v>
      </c>
      <c r="N8" s="183"/>
      <c r="O8" s="110"/>
    </row>
    <row r="9" spans="1:16" s="13" customFormat="1" ht="29.25" customHeight="1" x14ac:dyDescent="0.25">
      <c r="A9" s="33"/>
      <c r="B9" s="39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8" t="s">
        <v>13</v>
      </c>
      <c r="O9" s="109"/>
    </row>
    <row r="10" spans="1:16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12" t="s">
        <v>41</v>
      </c>
      <c r="O10" s="138"/>
      <c r="P10" s="140"/>
    </row>
    <row r="11" spans="1:16" s="7" customFormat="1" ht="41.25" customHeight="1" thickBot="1" x14ac:dyDescent="0.3">
      <c r="A11" s="12" t="s">
        <v>2</v>
      </c>
      <c r="B11" s="40" t="s">
        <v>60</v>
      </c>
      <c r="C11" s="107" t="s">
        <v>58</v>
      </c>
      <c r="D11" s="148">
        <v>36</v>
      </c>
      <c r="E11" s="21"/>
      <c r="F11" s="22"/>
      <c r="G11" s="22"/>
      <c r="H11" s="22"/>
      <c r="I11" s="23"/>
      <c r="J11" s="83"/>
      <c r="K11" s="23">
        <f>I11*J11</f>
        <v>0</v>
      </c>
      <c r="L11" s="23">
        <f>I11+K11</f>
        <v>0</v>
      </c>
      <c r="M11" s="20">
        <f>I11*D11</f>
        <v>0</v>
      </c>
      <c r="N11" s="113">
        <f>L11*D11</f>
        <v>0</v>
      </c>
      <c r="O11" s="141"/>
      <c r="P11" s="121"/>
    </row>
    <row r="12" spans="1:16" ht="27.75" customHeight="1" thickBot="1" x14ac:dyDescent="0.25">
      <c r="K12" s="26"/>
      <c r="L12" s="27" t="s">
        <v>11</v>
      </c>
      <c r="M12" s="78">
        <f>SUM(M11:M11)</f>
        <v>0</v>
      </c>
      <c r="N12" s="79">
        <f>SUM(N11:N11)</f>
        <v>0</v>
      </c>
      <c r="O12" s="85"/>
    </row>
    <row r="13" spans="1:16" ht="12" customHeight="1" x14ac:dyDescent="0.2">
      <c r="B13" s="172"/>
      <c r="C13" s="172"/>
      <c r="D13" s="172"/>
      <c r="E13" s="172"/>
      <c r="F13" s="172"/>
      <c r="G13" s="172"/>
      <c r="H13" s="172"/>
      <c r="I13" s="172"/>
      <c r="J13" s="172"/>
      <c r="K13" s="172"/>
      <c r="L13" s="84"/>
      <c r="M13" s="85"/>
      <c r="N13" s="85"/>
      <c r="O13" s="85"/>
    </row>
    <row r="14" spans="1:16" ht="14.25" customHeight="1" x14ac:dyDescent="0.2">
      <c r="K14" s="26"/>
      <c r="L14" s="84"/>
      <c r="M14" s="85"/>
      <c r="N14" s="85"/>
      <c r="O14" s="85"/>
    </row>
    <row r="15" spans="1:16" ht="12.75" customHeight="1" thickBot="1" x14ac:dyDescent="0.25">
      <c r="A15" s="161" t="s">
        <v>61</v>
      </c>
      <c r="B15" s="161"/>
      <c r="C15" s="161"/>
      <c r="D15" s="161"/>
      <c r="E15" s="161"/>
      <c r="F15" s="161"/>
      <c r="G15" s="161"/>
      <c r="H15" s="161"/>
      <c r="I15" s="161"/>
      <c r="J15" s="161"/>
      <c r="K15" s="161"/>
    </row>
    <row r="16" spans="1:16" ht="12.75" customHeight="1" x14ac:dyDescent="0.2">
      <c r="A16" s="162" t="s">
        <v>10</v>
      </c>
      <c r="B16" s="164" t="s">
        <v>25</v>
      </c>
      <c r="C16" s="166" t="s">
        <v>26</v>
      </c>
      <c r="D16" s="166" t="s">
        <v>5</v>
      </c>
      <c r="E16" s="166" t="s">
        <v>27</v>
      </c>
      <c r="F16" s="166" t="s">
        <v>28</v>
      </c>
      <c r="G16" s="168" t="s">
        <v>28</v>
      </c>
      <c r="H16" s="170" t="s">
        <v>29</v>
      </c>
      <c r="I16" s="156" t="s">
        <v>30</v>
      </c>
      <c r="J16" s="157"/>
      <c r="K16" s="158"/>
      <c r="L16" s="159" t="s">
        <v>48</v>
      </c>
    </row>
    <row r="17" spans="1:16" ht="23.25" customHeight="1" x14ac:dyDescent="0.2">
      <c r="A17" s="163"/>
      <c r="B17" s="165"/>
      <c r="C17" s="167"/>
      <c r="D17" s="167"/>
      <c r="E17" s="167"/>
      <c r="F17" s="167"/>
      <c r="G17" s="169"/>
      <c r="H17" s="171"/>
      <c r="I17" s="50" t="s">
        <v>12</v>
      </c>
      <c r="J17" s="51" t="s">
        <v>31</v>
      </c>
      <c r="K17" s="52" t="s">
        <v>13</v>
      </c>
      <c r="L17" s="160"/>
    </row>
    <row r="18" spans="1:16" x14ac:dyDescent="0.2">
      <c r="A18" s="87" t="s">
        <v>2</v>
      </c>
      <c r="B18" s="102" t="s">
        <v>16</v>
      </c>
      <c r="C18" s="54" t="s">
        <v>17</v>
      </c>
      <c r="D18" s="54" t="s">
        <v>18</v>
      </c>
      <c r="E18" s="54" t="s">
        <v>19</v>
      </c>
      <c r="F18" s="54" t="s">
        <v>20</v>
      </c>
      <c r="G18" s="101" t="s">
        <v>21</v>
      </c>
      <c r="H18" s="99" t="s">
        <v>22</v>
      </c>
      <c r="I18" s="100" t="s">
        <v>23</v>
      </c>
      <c r="J18" s="53" t="s">
        <v>24</v>
      </c>
      <c r="K18" s="54" t="s">
        <v>32</v>
      </c>
      <c r="L18" s="88" t="s">
        <v>39</v>
      </c>
    </row>
    <row r="19" spans="1:16" ht="24.6" customHeight="1" x14ac:dyDescent="0.2">
      <c r="A19" s="89" t="s">
        <v>2</v>
      </c>
      <c r="B19" s="71"/>
      <c r="C19" s="56"/>
      <c r="D19" s="57"/>
      <c r="E19" s="57"/>
      <c r="F19" s="57"/>
      <c r="G19" s="86"/>
      <c r="H19" s="57"/>
      <c r="I19" s="76"/>
      <c r="J19" s="58"/>
      <c r="K19" s="74">
        <f>I19*J19+I19</f>
        <v>0</v>
      </c>
      <c r="L19" s="185">
        <v>36</v>
      </c>
    </row>
    <row r="20" spans="1:16" ht="24.6" customHeight="1" x14ac:dyDescent="0.2">
      <c r="A20" s="90" t="s">
        <v>16</v>
      </c>
      <c r="B20" s="72"/>
      <c r="C20" s="60"/>
      <c r="D20" s="59"/>
      <c r="E20" s="59"/>
      <c r="F20" s="59"/>
      <c r="G20" s="86"/>
      <c r="H20" s="55"/>
      <c r="I20" s="77"/>
      <c r="J20" s="61"/>
      <c r="K20" s="75">
        <f t="shared" ref="K20:K21" si="0">I20*J20+I20</f>
        <v>0</v>
      </c>
      <c r="L20" s="186"/>
      <c r="O20" s="115"/>
      <c r="P20" s="118"/>
    </row>
    <row r="21" spans="1:16" ht="24.6" customHeight="1" thickBot="1" x14ac:dyDescent="0.25">
      <c r="A21" s="91" t="s">
        <v>17</v>
      </c>
      <c r="B21" s="92"/>
      <c r="C21" s="93"/>
      <c r="D21" s="94"/>
      <c r="E21" s="94"/>
      <c r="F21" s="94"/>
      <c r="G21" s="95"/>
      <c r="H21" s="94"/>
      <c r="I21" s="96"/>
      <c r="J21" s="97"/>
      <c r="K21" s="98">
        <f t="shared" si="0"/>
        <v>0</v>
      </c>
      <c r="L21" s="187"/>
    </row>
    <row r="22" spans="1:16" ht="12" customHeight="1" x14ac:dyDescent="0.2">
      <c r="A22" s="62"/>
      <c r="B22" s="62"/>
      <c r="C22" s="63"/>
      <c r="D22" s="64"/>
      <c r="E22" s="65"/>
      <c r="F22" s="66"/>
      <c r="G22" s="66"/>
      <c r="H22" s="66"/>
      <c r="I22" s="66"/>
      <c r="J22" s="67"/>
      <c r="K22" s="67"/>
    </row>
    <row r="23" spans="1:16" ht="9.75" customHeight="1" x14ac:dyDescent="0.2">
      <c r="A23" s="174"/>
      <c r="B23" s="174"/>
      <c r="C23" s="174"/>
      <c r="D23" s="174"/>
      <c r="E23" s="174"/>
      <c r="F23" s="174"/>
      <c r="G23" s="174"/>
      <c r="H23" s="174"/>
      <c r="I23" s="174"/>
      <c r="J23" s="174"/>
      <c r="K23" s="174"/>
    </row>
    <row r="24" spans="1:16" ht="19.5" customHeight="1" x14ac:dyDescent="0.2">
      <c r="A24" s="175" t="s">
        <v>42</v>
      </c>
      <c r="B24" s="175"/>
      <c r="C24" s="175"/>
      <c r="D24" s="175"/>
      <c r="E24" s="175"/>
      <c r="F24" s="175"/>
      <c r="G24" s="175"/>
      <c r="H24" s="175"/>
      <c r="I24" s="175"/>
      <c r="J24" s="175"/>
      <c r="K24" s="175"/>
    </row>
    <row r="25" spans="1:16" ht="19.5" customHeight="1" x14ac:dyDescent="0.2">
      <c r="A25" s="176" t="s">
        <v>43</v>
      </c>
      <c r="B25" s="176"/>
      <c r="C25" s="176"/>
      <c r="D25" s="176"/>
      <c r="E25" s="176"/>
      <c r="F25" s="176"/>
      <c r="G25" s="176"/>
      <c r="H25" s="176"/>
      <c r="I25" s="176"/>
      <c r="J25" s="176"/>
      <c r="K25" s="176"/>
    </row>
    <row r="26" spans="1:16" ht="13.5" customHeight="1" x14ac:dyDescent="0.2"/>
    <row r="27" spans="1:16" ht="24.6" customHeight="1" x14ac:dyDescent="0.25">
      <c r="B27" s="9" t="s">
        <v>35</v>
      </c>
      <c r="C27" s="177"/>
      <c r="D27" s="177"/>
      <c r="E27" s="41"/>
      <c r="F27" s="11" t="s">
        <v>37</v>
      </c>
      <c r="G27" s="73"/>
      <c r="H27" s="73"/>
    </row>
    <row r="28" spans="1:16" ht="24.6" customHeight="1" x14ac:dyDescent="0.2">
      <c r="B28" s="9" t="s">
        <v>36</v>
      </c>
      <c r="C28" s="177"/>
      <c r="D28" s="177"/>
      <c r="E28" s="41"/>
      <c r="F28" s="9" t="s">
        <v>38</v>
      </c>
      <c r="G28" s="179"/>
      <c r="H28" s="179"/>
    </row>
    <row r="29" spans="1:16" ht="24.6" customHeight="1" x14ac:dyDescent="0.2">
      <c r="C29" s="1"/>
      <c r="D29" s="1"/>
      <c r="E29" s="1"/>
      <c r="F29" s="9"/>
      <c r="G29" s="173"/>
      <c r="H29" s="173"/>
    </row>
    <row r="30" spans="1:16" ht="24.6" customHeight="1" x14ac:dyDescent="0.2">
      <c r="B30" s="9" t="s">
        <v>1</v>
      </c>
      <c r="C30" s="177"/>
      <c r="D30" s="177"/>
      <c r="E30" s="43"/>
      <c r="F30" s="8"/>
      <c r="G30" s="10"/>
      <c r="H30" s="10"/>
    </row>
    <row r="31" spans="1:16" ht="24.6" customHeight="1" x14ac:dyDescent="0.2">
      <c r="B31" s="9" t="s">
        <v>0</v>
      </c>
      <c r="C31" s="177"/>
      <c r="D31" s="177"/>
      <c r="E31" s="42"/>
      <c r="F31" s="10"/>
      <c r="G31" s="1"/>
      <c r="H31" s="7"/>
      <c r="J31" s="149"/>
    </row>
  </sheetData>
  <mergeCells count="27">
    <mergeCell ref="A1:N1"/>
    <mergeCell ref="A6:I6"/>
    <mergeCell ref="I8:K8"/>
    <mergeCell ref="M8:N8"/>
    <mergeCell ref="L16:L17"/>
    <mergeCell ref="L19:L21"/>
    <mergeCell ref="A23:K23"/>
    <mergeCell ref="A24:K24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  <mergeCell ref="C31:D31"/>
    <mergeCell ref="A4:I4"/>
    <mergeCell ref="A25:K25"/>
    <mergeCell ref="C27:D27"/>
    <mergeCell ref="C28:D28"/>
    <mergeCell ref="G28:H28"/>
    <mergeCell ref="G29:H29"/>
    <mergeCell ref="C30:D30"/>
    <mergeCell ref="H16:H17"/>
    <mergeCell ref="I16:K16"/>
  </mergeCells>
  <conditionalFormatting sqref="G28:H28 C27:C28 C30:C31 E11:N11">
    <cfRule type="containsBlanks" dxfId="1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1" manualBreakCount="1">
    <brk id="32" max="1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Q31"/>
  <sheetViews>
    <sheetView showGridLines="0" zoomScaleNormal="100" workbookViewId="0">
      <selection activeCell="A6" sqref="A6:I6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105" customWidth="1"/>
    <col min="4" max="4" width="13.28515625" style="105" customWidth="1"/>
    <col min="5" max="5" width="20.85546875" style="105" customWidth="1"/>
    <col min="6" max="6" width="20.7109375" style="105" customWidth="1"/>
    <col min="7" max="8" width="14.7109375" style="105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5" width="1.42578125" style="2" customWidth="1"/>
    <col min="16" max="16384" width="9.140625" style="1"/>
  </cols>
  <sheetData>
    <row r="1" spans="1:16" s="7" customFormat="1" ht="20.100000000000001" customHeight="1" x14ac:dyDescent="0.25">
      <c r="A1" s="178" t="s">
        <v>47</v>
      </c>
      <c r="B1" s="178"/>
      <c r="C1" s="178"/>
      <c r="D1" s="178"/>
      <c r="E1" s="178"/>
      <c r="F1" s="178"/>
      <c r="G1" s="178"/>
      <c r="H1" s="178"/>
      <c r="I1" s="178"/>
      <c r="J1" s="178"/>
      <c r="K1" s="178"/>
      <c r="L1" s="178"/>
      <c r="M1" s="178"/>
      <c r="N1" s="178"/>
      <c r="O1" s="104"/>
    </row>
    <row r="2" spans="1:16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  <c r="O2" s="3"/>
    </row>
    <row r="3" spans="1:16" s="7" customFormat="1" ht="15" customHeight="1" x14ac:dyDescent="0.2">
      <c r="A3" s="80" t="s">
        <v>34</v>
      </c>
      <c r="B3" s="80"/>
      <c r="C3" s="18"/>
      <c r="D3" s="18"/>
      <c r="E3" s="18"/>
      <c r="F3" s="18"/>
      <c r="G3" s="151" t="s">
        <v>65</v>
      </c>
      <c r="H3" s="18"/>
      <c r="I3" s="15"/>
      <c r="J3" s="17"/>
      <c r="K3" s="16"/>
      <c r="L3" s="3"/>
      <c r="M3" s="15"/>
      <c r="N3" s="3"/>
      <c r="O3" s="3"/>
    </row>
    <row r="4" spans="1:16" s="7" customFormat="1" ht="21" customHeight="1" x14ac:dyDescent="0.25">
      <c r="A4" s="189" t="s">
        <v>50</v>
      </c>
      <c r="B4" s="189"/>
      <c r="C4" s="189"/>
      <c r="D4" s="189"/>
      <c r="E4" s="189"/>
      <c r="F4" s="189"/>
      <c r="G4" s="189"/>
      <c r="H4" s="189"/>
      <c r="I4" s="189"/>
      <c r="J4" s="17"/>
      <c r="K4" s="16"/>
      <c r="L4" s="3"/>
      <c r="M4" s="15"/>
      <c r="N4" s="3"/>
      <c r="O4" s="3"/>
    </row>
    <row r="5" spans="1:16" s="7" customFormat="1" ht="21" customHeight="1" x14ac:dyDescent="0.25">
      <c r="A5" s="106"/>
      <c r="B5" s="82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  <c r="O5" s="3"/>
    </row>
    <row r="6" spans="1:16" s="7" customFormat="1" ht="21" customHeight="1" x14ac:dyDescent="0.25">
      <c r="A6" s="190" t="s">
        <v>64</v>
      </c>
      <c r="B6" s="190"/>
      <c r="C6" s="190"/>
      <c r="D6" s="190"/>
      <c r="E6" s="190"/>
      <c r="F6" s="190"/>
      <c r="G6" s="190"/>
      <c r="H6" s="190"/>
      <c r="I6" s="190"/>
      <c r="J6" s="17"/>
      <c r="K6" s="16"/>
      <c r="L6" s="3"/>
      <c r="M6" s="15"/>
      <c r="N6" s="3"/>
      <c r="O6" s="3"/>
    </row>
    <row r="7" spans="1:16" s="7" customFormat="1" ht="13.5" thickBot="1" x14ac:dyDescent="0.3">
      <c r="A7" s="19"/>
      <c r="B7" s="19"/>
      <c r="C7" s="18"/>
      <c r="D7" s="18"/>
      <c r="E7" s="18"/>
      <c r="F7" s="18"/>
      <c r="G7" s="18"/>
      <c r="H7" s="18"/>
      <c r="I7" s="15"/>
      <c r="J7" s="17"/>
      <c r="K7" s="16"/>
      <c r="L7" s="3"/>
      <c r="M7" s="15"/>
      <c r="N7" s="3"/>
      <c r="O7" s="3"/>
    </row>
    <row r="8" spans="1:16" s="13" customFormat="1" ht="36" customHeight="1" x14ac:dyDescent="0.25">
      <c r="A8" s="32" t="s">
        <v>10</v>
      </c>
      <c r="B8" s="38" t="s">
        <v>9</v>
      </c>
      <c r="C8" s="34" t="s">
        <v>8</v>
      </c>
      <c r="D8" s="14" t="s">
        <v>45</v>
      </c>
      <c r="E8" s="69" t="s">
        <v>7</v>
      </c>
      <c r="F8" s="24" t="s">
        <v>6</v>
      </c>
      <c r="G8" s="24" t="s">
        <v>5</v>
      </c>
      <c r="H8" s="25" t="s">
        <v>4</v>
      </c>
      <c r="I8" s="180" t="s">
        <v>44</v>
      </c>
      <c r="J8" s="181"/>
      <c r="K8" s="182"/>
      <c r="L8" s="48" t="s">
        <v>3</v>
      </c>
      <c r="M8" s="180" t="s">
        <v>15</v>
      </c>
      <c r="N8" s="181"/>
      <c r="O8" s="139"/>
      <c r="P8" s="140"/>
    </row>
    <row r="9" spans="1:16" s="13" customFormat="1" ht="23.25" customHeight="1" x14ac:dyDescent="0.25">
      <c r="A9" s="33"/>
      <c r="B9" s="39"/>
      <c r="C9" s="35"/>
      <c r="D9" s="39"/>
      <c r="E9" s="68"/>
      <c r="F9" s="28"/>
      <c r="G9" s="28"/>
      <c r="H9" s="29"/>
      <c r="I9" s="49" t="s">
        <v>12</v>
      </c>
      <c r="J9" s="47" t="s">
        <v>14</v>
      </c>
      <c r="K9" s="46" t="s">
        <v>33</v>
      </c>
      <c r="L9" s="46" t="s">
        <v>13</v>
      </c>
      <c r="M9" s="49" t="s">
        <v>12</v>
      </c>
      <c r="N9" s="103" t="s">
        <v>13</v>
      </c>
      <c r="O9" s="137"/>
    </row>
    <row r="10" spans="1:16" s="13" customFormat="1" x14ac:dyDescent="0.25">
      <c r="A10" s="36" t="s">
        <v>2</v>
      </c>
      <c r="B10" s="37" t="s">
        <v>16</v>
      </c>
      <c r="C10" s="30" t="s">
        <v>17</v>
      </c>
      <c r="D10" s="37" t="s">
        <v>18</v>
      </c>
      <c r="E10" s="70" t="s">
        <v>19</v>
      </c>
      <c r="F10" s="31" t="s">
        <v>20</v>
      </c>
      <c r="G10" s="31" t="s">
        <v>21</v>
      </c>
      <c r="H10" s="31" t="s">
        <v>22</v>
      </c>
      <c r="I10" s="44" t="s">
        <v>23</v>
      </c>
      <c r="J10" s="44" t="s">
        <v>24</v>
      </c>
      <c r="K10" s="44" t="s">
        <v>32</v>
      </c>
      <c r="L10" s="44" t="s">
        <v>39</v>
      </c>
      <c r="M10" s="45" t="s">
        <v>40</v>
      </c>
      <c r="N10" s="116" t="s">
        <v>41</v>
      </c>
      <c r="O10" s="138"/>
    </row>
    <row r="11" spans="1:16" s="7" customFormat="1" ht="41.25" customHeight="1" thickBot="1" x14ac:dyDescent="0.3">
      <c r="A11" s="12" t="s">
        <v>2</v>
      </c>
      <c r="B11" s="40" t="s">
        <v>62</v>
      </c>
      <c r="C11" s="107" t="s">
        <v>58</v>
      </c>
      <c r="D11" s="148">
        <v>1190</v>
      </c>
      <c r="E11" s="21"/>
      <c r="F11" s="22"/>
      <c r="G11" s="22"/>
      <c r="H11" s="22"/>
      <c r="I11" s="23"/>
      <c r="J11" s="83"/>
      <c r="K11" s="23">
        <f>I11*J11</f>
        <v>0</v>
      </c>
      <c r="L11" s="23">
        <f>I11+K11</f>
        <v>0</v>
      </c>
      <c r="M11" s="20">
        <f>I11*D11</f>
        <v>0</v>
      </c>
      <c r="N11" s="113">
        <f>L11*D11</f>
        <v>0</v>
      </c>
      <c r="O11" s="120"/>
      <c r="P11" s="121"/>
    </row>
    <row r="12" spans="1:16" ht="27.75" customHeight="1" thickBot="1" x14ac:dyDescent="0.25">
      <c r="K12" s="26"/>
      <c r="L12" s="27" t="s">
        <v>11</v>
      </c>
      <c r="M12" s="78">
        <f>SUM(M11:M11)</f>
        <v>0</v>
      </c>
      <c r="N12" s="117">
        <f>SUM(N11:N11)</f>
        <v>0</v>
      </c>
      <c r="O12" s="114"/>
    </row>
    <row r="13" spans="1:16" ht="16.5" customHeight="1" x14ac:dyDescent="0.2">
      <c r="B13" s="172"/>
      <c r="C13" s="172"/>
      <c r="D13" s="172"/>
      <c r="E13" s="172"/>
      <c r="F13" s="172"/>
      <c r="G13" s="172"/>
      <c r="H13" s="172"/>
      <c r="I13" s="172"/>
      <c r="J13" s="172"/>
      <c r="K13" s="172"/>
      <c r="L13" s="84"/>
      <c r="M13" s="85"/>
      <c r="N13" s="85"/>
      <c r="O13" s="85"/>
    </row>
    <row r="14" spans="1:16" ht="14.25" customHeight="1" x14ac:dyDescent="0.2">
      <c r="K14" s="26"/>
      <c r="L14" s="84"/>
      <c r="M14" s="85"/>
      <c r="N14" s="85"/>
      <c r="O14" s="85"/>
    </row>
    <row r="15" spans="1:16" ht="12.75" customHeight="1" thickBot="1" x14ac:dyDescent="0.25">
      <c r="A15" s="161" t="s">
        <v>63</v>
      </c>
      <c r="B15" s="161"/>
      <c r="C15" s="161"/>
      <c r="D15" s="161"/>
      <c r="E15" s="161"/>
      <c r="F15" s="161"/>
      <c r="G15" s="161"/>
      <c r="H15" s="161"/>
      <c r="I15" s="161"/>
      <c r="J15" s="161"/>
      <c r="K15" s="161"/>
    </row>
    <row r="16" spans="1:16" ht="12.75" customHeight="1" x14ac:dyDescent="0.2">
      <c r="A16" s="162" t="s">
        <v>10</v>
      </c>
      <c r="B16" s="164" t="s">
        <v>25</v>
      </c>
      <c r="C16" s="166" t="s">
        <v>26</v>
      </c>
      <c r="D16" s="166" t="s">
        <v>5</v>
      </c>
      <c r="E16" s="166" t="s">
        <v>27</v>
      </c>
      <c r="F16" s="166" t="s">
        <v>28</v>
      </c>
      <c r="G16" s="168" t="s">
        <v>28</v>
      </c>
      <c r="H16" s="170" t="s">
        <v>29</v>
      </c>
      <c r="I16" s="156" t="s">
        <v>30</v>
      </c>
      <c r="J16" s="157"/>
      <c r="K16" s="158"/>
      <c r="L16" s="159" t="s">
        <v>49</v>
      </c>
    </row>
    <row r="17" spans="1:17" ht="23.25" customHeight="1" x14ac:dyDescent="0.2">
      <c r="A17" s="163"/>
      <c r="B17" s="165"/>
      <c r="C17" s="167"/>
      <c r="D17" s="167"/>
      <c r="E17" s="167"/>
      <c r="F17" s="167"/>
      <c r="G17" s="169"/>
      <c r="H17" s="171"/>
      <c r="I17" s="50" t="s">
        <v>12</v>
      </c>
      <c r="J17" s="51" t="s">
        <v>31</v>
      </c>
      <c r="K17" s="52" t="s">
        <v>13</v>
      </c>
      <c r="L17" s="160"/>
    </row>
    <row r="18" spans="1:17" x14ac:dyDescent="0.2">
      <c r="A18" s="87" t="s">
        <v>2</v>
      </c>
      <c r="B18" s="102" t="s">
        <v>16</v>
      </c>
      <c r="C18" s="54" t="s">
        <v>17</v>
      </c>
      <c r="D18" s="54" t="s">
        <v>18</v>
      </c>
      <c r="E18" s="54" t="s">
        <v>19</v>
      </c>
      <c r="F18" s="54" t="s">
        <v>20</v>
      </c>
      <c r="G18" s="101" t="s">
        <v>21</v>
      </c>
      <c r="H18" s="99" t="s">
        <v>22</v>
      </c>
      <c r="I18" s="100" t="s">
        <v>23</v>
      </c>
      <c r="J18" s="53" t="s">
        <v>24</v>
      </c>
      <c r="K18" s="54" t="s">
        <v>32</v>
      </c>
      <c r="L18" s="88" t="s">
        <v>39</v>
      </c>
    </row>
    <row r="19" spans="1:17" s="3" customFormat="1" ht="24.6" customHeight="1" x14ac:dyDescent="0.2">
      <c r="A19" s="89" t="s">
        <v>2</v>
      </c>
      <c r="B19" s="71"/>
      <c r="C19" s="56"/>
      <c r="D19" s="57"/>
      <c r="E19" s="57"/>
      <c r="F19" s="57"/>
      <c r="G19" s="86"/>
      <c r="H19" s="57"/>
      <c r="I19" s="76"/>
      <c r="J19" s="58"/>
      <c r="K19" s="74">
        <f>I19*J19+I19</f>
        <v>0</v>
      </c>
      <c r="L19" s="185">
        <v>1190</v>
      </c>
      <c r="N19" s="2"/>
      <c r="O19" s="2"/>
    </row>
    <row r="20" spans="1:17" s="3" customFormat="1" ht="24.6" customHeight="1" x14ac:dyDescent="0.2">
      <c r="A20" s="90" t="s">
        <v>16</v>
      </c>
      <c r="B20" s="72"/>
      <c r="C20" s="60"/>
      <c r="D20" s="59"/>
      <c r="E20" s="59"/>
      <c r="F20" s="59"/>
      <c r="G20" s="86"/>
      <c r="H20" s="55"/>
      <c r="I20" s="77"/>
      <c r="J20" s="61"/>
      <c r="K20" s="75">
        <f t="shared" ref="K20:K21" si="0">I20*J20+I20</f>
        <v>0</v>
      </c>
      <c r="L20" s="186"/>
      <c r="N20" s="2"/>
      <c r="O20" s="2"/>
    </row>
    <row r="21" spans="1:17" s="3" customFormat="1" ht="24.6" customHeight="1" thickBot="1" x14ac:dyDescent="0.25">
      <c r="A21" s="91" t="s">
        <v>17</v>
      </c>
      <c r="B21" s="92"/>
      <c r="C21" s="93"/>
      <c r="D21" s="94"/>
      <c r="E21" s="94"/>
      <c r="F21" s="94"/>
      <c r="G21" s="95"/>
      <c r="H21" s="94"/>
      <c r="I21" s="96"/>
      <c r="J21" s="97"/>
      <c r="K21" s="98">
        <f t="shared" si="0"/>
        <v>0</v>
      </c>
      <c r="L21" s="187"/>
      <c r="N21" s="2"/>
      <c r="O21" s="2"/>
    </row>
    <row r="22" spans="1:17" s="3" customFormat="1" ht="12" customHeight="1" x14ac:dyDescent="0.2">
      <c r="A22" s="62"/>
      <c r="B22" s="62"/>
      <c r="C22" s="63"/>
      <c r="D22" s="64"/>
      <c r="E22" s="65"/>
      <c r="F22" s="66"/>
      <c r="G22" s="66"/>
      <c r="H22" s="66"/>
      <c r="I22" s="66"/>
      <c r="J22" s="67"/>
      <c r="K22" s="67"/>
      <c r="L22" s="2"/>
      <c r="N22" s="2"/>
      <c r="O22" s="2"/>
    </row>
    <row r="23" spans="1:17" s="3" customFormat="1" ht="9.75" customHeight="1" x14ac:dyDescent="0.2">
      <c r="A23" s="174"/>
      <c r="B23" s="174"/>
      <c r="C23" s="174"/>
      <c r="D23" s="174"/>
      <c r="E23" s="174"/>
      <c r="F23" s="174"/>
      <c r="G23" s="174"/>
      <c r="H23" s="174"/>
      <c r="I23" s="174"/>
      <c r="J23" s="174"/>
      <c r="K23" s="174"/>
      <c r="L23" s="2"/>
      <c r="N23" s="2"/>
      <c r="O23" s="2"/>
    </row>
    <row r="24" spans="1:17" s="3" customFormat="1" ht="19.5" customHeight="1" x14ac:dyDescent="0.2">
      <c r="A24" s="175" t="s">
        <v>42</v>
      </c>
      <c r="B24" s="175"/>
      <c r="C24" s="175"/>
      <c r="D24" s="175"/>
      <c r="E24" s="175"/>
      <c r="F24" s="175"/>
      <c r="G24" s="175"/>
      <c r="H24" s="175"/>
      <c r="I24" s="175"/>
      <c r="J24" s="175"/>
      <c r="K24" s="175"/>
      <c r="L24" s="2"/>
      <c r="N24" s="2"/>
      <c r="O24" s="2"/>
      <c r="Q24" s="111"/>
    </row>
    <row r="25" spans="1:17" s="3" customFormat="1" ht="19.5" customHeight="1" x14ac:dyDescent="0.2">
      <c r="A25" s="176" t="s">
        <v>43</v>
      </c>
      <c r="B25" s="176"/>
      <c r="C25" s="176"/>
      <c r="D25" s="176"/>
      <c r="E25" s="176"/>
      <c r="F25" s="176"/>
      <c r="G25" s="176"/>
      <c r="H25" s="176"/>
      <c r="I25" s="176"/>
      <c r="J25" s="176"/>
      <c r="K25" s="176"/>
      <c r="L25" s="2"/>
      <c r="N25" s="2"/>
      <c r="O25" s="2"/>
    </row>
    <row r="26" spans="1:17" s="3" customFormat="1" ht="13.5" customHeight="1" x14ac:dyDescent="0.2">
      <c r="A26" s="1"/>
      <c r="B26" s="1"/>
      <c r="C26" s="105"/>
      <c r="D26" s="105"/>
      <c r="E26" s="105"/>
      <c r="F26" s="105"/>
      <c r="G26" s="105"/>
      <c r="H26" s="105"/>
      <c r="J26" s="5"/>
      <c r="K26" s="4"/>
      <c r="L26" s="2"/>
      <c r="N26" s="2"/>
      <c r="O26" s="2"/>
    </row>
    <row r="27" spans="1:17" s="3" customFormat="1" ht="24.6" customHeight="1" x14ac:dyDescent="0.25">
      <c r="A27" s="1"/>
      <c r="B27" s="9" t="s">
        <v>35</v>
      </c>
      <c r="C27" s="177"/>
      <c r="D27" s="177"/>
      <c r="E27" s="41"/>
      <c r="F27" s="11" t="s">
        <v>37</v>
      </c>
      <c r="G27" s="73"/>
      <c r="H27" s="73"/>
      <c r="J27" s="5"/>
      <c r="K27" s="4"/>
      <c r="L27" s="2"/>
      <c r="N27" s="2"/>
      <c r="O27" s="2"/>
    </row>
    <row r="28" spans="1:17" s="3" customFormat="1" ht="24.6" customHeight="1" x14ac:dyDescent="0.2">
      <c r="A28" s="1"/>
      <c r="B28" s="9" t="s">
        <v>36</v>
      </c>
      <c r="C28" s="177"/>
      <c r="D28" s="177"/>
      <c r="E28" s="41"/>
      <c r="F28" s="9" t="s">
        <v>38</v>
      </c>
      <c r="G28" s="179"/>
      <c r="H28" s="179"/>
      <c r="J28" s="5"/>
      <c r="K28" s="4"/>
      <c r="L28" s="2"/>
      <c r="N28" s="2"/>
      <c r="O28" s="115"/>
    </row>
    <row r="29" spans="1:17" s="3" customFormat="1" ht="24.6" customHeight="1" x14ac:dyDescent="0.2">
      <c r="A29" s="1"/>
      <c r="B29" s="1"/>
      <c r="C29" s="1"/>
      <c r="D29" s="1"/>
      <c r="E29" s="1"/>
      <c r="F29" s="9"/>
      <c r="G29" s="173"/>
      <c r="H29" s="173"/>
      <c r="J29" s="5"/>
      <c r="K29" s="4"/>
      <c r="L29" s="2"/>
      <c r="N29" s="2"/>
      <c r="O29" s="2"/>
    </row>
    <row r="30" spans="1:17" s="3" customFormat="1" ht="24.6" customHeight="1" x14ac:dyDescent="0.2">
      <c r="A30" s="1"/>
      <c r="B30" s="9" t="s">
        <v>1</v>
      </c>
      <c r="C30" s="177"/>
      <c r="D30" s="177"/>
      <c r="E30" s="43"/>
      <c r="F30" s="8"/>
      <c r="G30" s="10"/>
      <c r="H30" s="10"/>
      <c r="J30" s="5"/>
      <c r="K30" s="4"/>
      <c r="L30" s="2"/>
      <c r="N30" s="2"/>
      <c r="O30" s="2"/>
    </row>
    <row r="31" spans="1:17" s="3" customFormat="1" ht="24.6" customHeight="1" x14ac:dyDescent="0.2">
      <c r="A31" s="1"/>
      <c r="B31" s="9" t="s">
        <v>0</v>
      </c>
      <c r="C31" s="177"/>
      <c r="D31" s="177"/>
      <c r="E31" s="42"/>
      <c r="F31" s="10"/>
      <c r="G31" s="1"/>
      <c r="H31" s="7"/>
      <c r="J31" s="5"/>
      <c r="K31" s="4"/>
      <c r="L31" s="2"/>
      <c r="N31" s="2"/>
      <c r="O31" s="2"/>
    </row>
  </sheetData>
  <mergeCells count="27">
    <mergeCell ref="C31:D31"/>
    <mergeCell ref="I16:K16"/>
    <mergeCell ref="L16:L17"/>
    <mergeCell ref="L19:L21"/>
    <mergeCell ref="A23:K23"/>
    <mergeCell ref="A24:K24"/>
    <mergeCell ref="A25:K25"/>
    <mergeCell ref="C27:D27"/>
    <mergeCell ref="C28:D28"/>
    <mergeCell ref="G28:H28"/>
    <mergeCell ref="G29:H29"/>
    <mergeCell ref="C30:D30"/>
    <mergeCell ref="B13:K13"/>
    <mergeCell ref="A15:K15"/>
    <mergeCell ref="A16:A17"/>
    <mergeCell ref="B16:B17"/>
    <mergeCell ref="C16:C17"/>
    <mergeCell ref="D16:D17"/>
    <mergeCell ref="E16:E17"/>
    <mergeCell ref="F16:F17"/>
    <mergeCell ref="G16:G17"/>
    <mergeCell ref="H16:H17"/>
    <mergeCell ref="A4:I4"/>
    <mergeCell ref="A1:N1"/>
    <mergeCell ref="A6:I6"/>
    <mergeCell ref="I8:K8"/>
    <mergeCell ref="M8:N8"/>
  </mergeCells>
  <conditionalFormatting sqref="G28:H28 C27:C28 C30:C31 E11:N11">
    <cfRule type="containsBlanks" dxfId="0" priority="1">
      <formula>LEN(TRIM(C11))=0</formula>
    </cfRule>
  </conditionalFormatting>
  <pageMargins left="0.70866141732283472" right="0.70866141732283472" top="0.98425196850393704" bottom="0.35433070866141736" header="0.31496062992125984" footer="0.31496062992125984"/>
  <pageSetup paperSize="9" scale="57" fitToHeight="0" orientation="landscape" r:id="rId1"/>
  <rowBreaks count="1" manualBreakCount="1">
    <brk id="3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časť č. 1_Príl č. 2 </vt:lpstr>
      <vt:lpstr>časť č. 2_Príl č. 2</vt:lpstr>
      <vt:lpstr>časť č. 3_Príl č.2</vt:lpstr>
      <vt:lpstr>'časť č. 1_Príl č. 2 '!Oblasť_tlače</vt:lpstr>
      <vt:lpstr>'časť č. 2_Príl č. 2'!Oblasť_tlače</vt:lpstr>
      <vt:lpstr>'časť č. 3_Príl č.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5-08-12T13:23:11Z</cp:lastPrinted>
  <dcterms:created xsi:type="dcterms:W3CDTF">2021-02-11T08:34:45Z</dcterms:created>
  <dcterms:modified xsi:type="dcterms:W3CDTF">2025-08-13T06:44:26Z</dcterms:modified>
</cp:coreProperties>
</file>